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13. ŠZM EFV - 16 častí\2. Príprava\PTK\"/>
    </mc:Choice>
  </mc:AlternateContent>
  <bookViews>
    <workbookView xWindow="0" yWindow="0" windowWidth="23040" windowHeight="9195" firstSheet="1" activeTab="1"/>
  </bookViews>
  <sheets>
    <sheet name="hárok " sheetId="10" r:id="rId1"/>
    <sheet name="OPRAVA_PTK - ponuka" sheetId="8" r:id="rId2"/>
  </sheets>
  <definedNames>
    <definedName name="_xlnm.Print_Area" localSheetId="1">'OPRAVA_PTK - ponuka'!$A$1:$E$299</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101" i="8" l="1"/>
  <c r="E90" i="8"/>
  <c r="E82" i="8"/>
  <c r="E77" i="8"/>
  <c r="E71" i="8"/>
  <c r="E52" i="8"/>
  <c r="E42" i="8"/>
</calcChain>
</file>

<file path=xl/sharedStrings.xml><?xml version="1.0" encoding="utf-8"?>
<sst xmlns="http://schemas.openxmlformats.org/spreadsheetml/2006/main" count="466" uniqueCount="299">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 xml:space="preserve">Názov časti predmetu zákazky/názov položky predmetu zákazky </t>
  </si>
  <si>
    <t>Položka č. 1</t>
  </si>
  <si>
    <t>Položka č. 2</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Položka č. 3</t>
  </si>
  <si>
    <t>Položka č. 4</t>
  </si>
  <si>
    <t>Položka č. 5</t>
  </si>
  <si>
    <t>Položka č. 6</t>
  </si>
  <si>
    <t>Položka č. 7</t>
  </si>
  <si>
    <t>Položka č. 8</t>
  </si>
  <si>
    <t>Položka č. 9</t>
  </si>
  <si>
    <t>Položka č. 10</t>
  </si>
  <si>
    <t>Položka č. 11</t>
  </si>
  <si>
    <t xml:space="preserve">1. </t>
  </si>
  <si>
    <t>1.1</t>
  </si>
  <si>
    <t>3.1</t>
  </si>
  <si>
    <t>3.2</t>
  </si>
  <si>
    <t>3.3</t>
  </si>
  <si>
    <t>3.4</t>
  </si>
  <si>
    <t>5.</t>
  </si>
  <si>
    <t>6.</t>
  </si>
  <si>
    <t>7.</t>
  </si>
  <si>
    <t>8.</t>
  </si>
  <si>
    <t>9.</t>
  </si>
  <si>
    <t>10.</t>
  </si>
  <si>
    <t>11.</t>
  </si>
  <si>
    <t>12.</t>
  </si>
  <si>
    <t>13.</t>
  </si>
  <si>
    <t>14.</t>
  </si>
  <si>
    <t>15.</t>
  </si>
  <si>
    <t>16.</t>
  </si>
  <si>
    <t>17.</t>
  </si>
  <si>
    <t>18.</t>
  </si>
  <si>
    <t>Spotrebný a špeciálny zdravotnícky materiál pre invazívnu diagnostickú a intervenčnú elektrofyziológiu</t>
  </si>
  <si>
    <t>Spotrebný a špeciálny zdravotnícky materiál pre invazívnu diagnostickú a intervenčnú elektrofyziológiu.</t>
  </si>
  <si>
    <t>Časť č. 1 - Špeciálny zdravotnícky materiál pre invazívnu diagnostickú a intervenčnú elektrofyziológiu s osobitným zreteľom na intravazálne zavádzače s hemostatickým uzáverom, preplachovacím 3-cestným kohútom pre štandardné účely zavádzania elektrofyziologických katétrov</t>
  </si>
  <si>
    <t xml:space="preserve">Špeciálny zdravotnícky materiál pre invazívnu diagnostickú a intervenčnú elektrofyziológiu s osobitným zreteľom na: </t>
  </si>
  <si>
    <t xml:space="preserve">Časť č. 2 - Špeciálny zdravotnícky materiál pre invazívnu diagnostickú a intervenčnú elektrofyziológiu s osobitným zreteľom na intravazálne roztrhateľné zavádzače bez hemostatického uzáveru pre štandardné účely zavádzania kardiostimulačných elektród </t>
  </si>
  <si>
    <t>Položka č. 1 - Intravazálne zavádzače "s hemostatickým uzáverom"</t>
  </si>
  <si>
    <t xml:space="preserve">Položka č. 1 - Intravazálne roztrhateľné zavádzače "bez hemostatického uzáveru" </t>
  </si>
  <si>
    <t xml:space="preserve">intravazálne roztrhateľné zavádzače bez hemostatického uzáveru pre štandardné účely zavádzania kardiostimulačných elektród v škále od 6 do 12 Fr.. </t>
  </si>
  <si>
    <t>Časť č. 3 - Špeciálny zdravotnícky materiál pre invazívnu diagnostickú a intervenčnú elektrofyziológiu s osobitným zreteľom na operačné sety používané pri implantácii trvalého a dočasného kardiostimulátora, kardioverter – defibrilátora a slučkového rekordéra pri elektrofyziologickom vyšetrení a pri katétrovej ablácii</t>
  </si>
  <si>
    <t>Položka č. 1 - Operačné sety používané pri implantácii trvalého kardiostimulátora a defibrilátora</t>
  </si>
  <si>
    <t>Položka č. 2 - Operačné sety používané pri implantácii dočasného kardiostimulátora a slučkového rekordéra</t>
  </si>
  <si>
    <t>Položka č. 3 - Operačné sety používané pri elektrofyziologickom vyšetrení a katétrovej ablácii</t>
  </si>
  <si>
    <t>Časť č. 4 - Špeciálny zdravotnícky materiál pre invazívnu diagnostickú a intervenčnú elektrofyziológiu s osobitným zreteľom na elektrofyziologické katétre pre diagnostiku a liečbu porúch srdcového rytmu kompatibilné s 3D mapovacím systémom EnSite Precision, EnSite X s kompletným príslušenstvom vrátane káblov</t>
  </si>
  <si>
    <t xml:space="preserve">Položka č. 1 - Intravazálne zavádzače (transseptálne neovládateľné) </t>
  </si>
  <si>
    <t xml:space="preserve">Špeciálny zdravotnícky materiál pre invazívnu diagnostickú a intervenčnú elektrofyziológiu s osobitným zreteľom na elektrofyziologické katétre pre diagnostiku a liečbu porúch srdcového rytmu kompatibilné s 3D mapovacím systémom EnSite Precision, EnSite X s kompletným príslušenstvom vrátane káblov: </t>
  </si>
  <si>
    <t xml:space="preserve">Položka č. 2 - Ovládateľné intravazálne zavádzače (transseptálne) </t>
  </si>
  <si>
    <t>Položka č. 3 - Punkčné transeptálne ihly</t>
  </si>
  <si>
    <t>špeciálny zdravotnícky materiál pre invazívnu diagnostickú a intervenčnú elektrofyziológiu s osobitným zreteľom na punkčné transseptálne ihly so skosením 30 a 50 stupňov a s príslušenstvom</t>
  </si>
  <si>
    <t>špeciálny zdravotnícky materiál pre invazívnu diagnostickú a intervenčnú elektrofyziológiu s osobitným zreteľom na intravazálne zavádzače s rôznymi zakriveniami s hemostatickým uzáverom, preplachovacím 3-cestným kohútom pre transseptálne zavádzanie elektrofyziologických katétrov, v krivkách Straight, SR0, SL0, SL1, SL2, SL3, SL4, RAMP, RAMP-1,SAFL, SEPT, CSTA,  LAMP 45, LAMP 90, LAMP 135, MULLINS, vrátane príslušenstva</t>
  </si>
  <si>
    <t>Špeciálny zdravotnícky materiál pre invazívnu diagnostickú a intervenčnú elektrofyziológiu s osobitným zreteľom na dlhé ovládateľné intravazálne zavádzače s hemostatickým uzáverom, preplachovacím 3-cestným kohútom pre zavádzanie elektrofyziologických katétrov pre mapovanie a/alebo abláciu v ľavej predsieni alebo iných dutinách srdca,  bi-direkčné, rôznych kriviek a použiteľných dĺžok minimálne v rozsahu 40-82 cm, vrátane príslušenstva</t>
  </si>
  <si>
    <t>intravazálne zavádzače s hemostatickým uzáverom, preplachovacím 3-cestným kohútom pre štandardné účely zavádzania elektrofyziologických katétrov v rôznych hrúbkach, minimálne však 5, 6, 7, 8, 9, 10 a 11 Fr.</t>
  </si>
  <si>
    <t>Položka č. 4 - Multipolárne diagnostické katétre (neovládateľné a ovládateľné)</t>
  </si>
  <si>
    <t>špeciálny zdravotnícky materiál pre invazívnu diagnostickú a intervenčnú elektrofyziológiu s osobitným zreteľom na multipolárne diagnostické katétre vo všetkých fixných a ovládateľných štandardných zakriveniach a hrúbkach 4 – 7 F, vrátane katétrov s magnetickým senzorom kompatibilných so systémom  Ensite Precision, EnsiteX, vrátane príslušenstva a spojovacích káblov</t>
  </si>
  <si>
    <t>Položka č. 5 - Multipolárne ovládateľné HD mapovacie katétre</t>
  </si>
  <si>
    <t>špeciálny zdravotnícky materiál pre invazívnu diagnostickú a intervenčnú elektrofyziológiu s osobitným zreteľom na multipolárne ovládateľné diagnostické katétre s magnetickým senzorom s fixnou vzdialenosťou medzi elektródami pre vytváranie máp s vysokou hustotou bodov, bidirekčným ovládaním a umožňujúce rýchly zber dát v rôznych smeroch kompatibilných so systémom  Ensite Precision, EnsiteX,  vrátane príslušenstva a spojovacích káblov</t>
  </si>
  <si>
    <t>Položka č. 6 - Ablačné katétre (4, 8 mm; flexibilný hrot)</t>
  </si>
  <si>
    <t>špeciálny zdravotnícky materiál pre invazívnu diagnostickú a intervenčnú elektrofyziológiu s osobitným zreteľom na ablačné katétre so 4mm, 8mm distálnou ablačnou elektródou, vrátane preplachových ablačných katétrov s pružným ohýbateľným terminálnym hrotom a magnetickým senzorom umožňujúcim efektívne chladenie hrotu katétra kompatibilných so systémom Ensite Precision a Ensite X  v rôznych zakriveniach, s možnosťou výberu uni-direkčného alebo bi-direkčného ovládania katétrov, vrátane príslušenstva a spojovacích káblov</t>
  </si>
  <si>
    <t xml:space="preserve">Položka č. 7 - Ovládateľné preplachové ablačné katétre (contact force) </t>
  </si>
  <si>
    <t>špeciálny zdravotnícky materiál pre invazívnu diagnostickú a intervenčnú elektrofyziológiu s osobitným zreteľom na  preplachové ablačné katétre s magnetickým senzorom a senzorom pre určenie sily tlaku na tkanivo pre systém TactiSys Quartz kompatibilného so systémom Ensite Precision a Ensite X , s možnosťou unidirekčného alebo bidirekčného ovládania, vrátane príslušenstva a spojovacích káblov</t>
  </si>
  <si>
    <t>Položka č. 8 - Lokalizačné elektródy</t>
  </si>
  <si>
    <t>špeciálny zdravotnícky materiál pre invazívnu diagnostickú a intervenčnú elektrofyziológiu s osobitným zreteľom na sety lokalizačných elektród pre 3D navigáciu systému EnSite Precision a Ensite X, vrátane príslušenstva a spojovacích káblov</t>
  </si>
  <si>
    <t>Časť č. 5 - Špeciálny zdravotnícky materiál pre invazívnu diagnostickú a intervenčnú elektrofyziológiu s osobitným zreteľom na multipolárne (10 polárne) 7F ovládateľné mapovacie katétre určené pre mapovanie pravej predsiene a koronárneho sinu, s dĺžkou 90 cm a s dosahom oblúka až 55mm pre uľahčený vstup do ústia koronárneho sínusu, s možnosťou fixácie zakrivenia rotačným mechanizmom, vrátane príslušenstva, spojovacích káblov a incízneho krytia</t>
  </si>
  <si>
    <t>Špeciálny zdravotnícky materiál pre invazívnu diagnostickú a intervenčnú elektrofyziológiu s osobitným zreteľom na multipolárne (10 polárne) 7F ovládateľné mapovacie katétre určené pre mapovanie pravej predsiene a koronárneho sinu, s dĺžkou 90 cm a s dosahom oblúka až 55mm pre uľahčený vstup do ústia koronárneho sínusu, s možnosťou fixácie zakrivenia rotačným mechanizmom, vrátane príslušenstva, spojovacích káblov a incízneho krytia:</t>
  </si>
  <si>
    <t>Položka č. 1 - Ovládateľné mapovacie katétre s príslušenstvom</t>
  </si>
  <si>
    <t>ovládateľné mapovacie katétre s príslušenstvom</t>
  </si>
  <si>
    <t>Časť č. 6 - Špeciálny zdravotnícky materiál pre invazívnu diagnostickú a intervenčnú elektrofyziológiu s osobitným zreteľom na multipolárne (10 polárne) 5F fixné mapovacie katétre určené pre mapovanie pravej predsiene a koronárneho sínusu, s použiteľnou dĺžkou 65 a 90 cm, vrátane príslušenstva, spojovacích káblov a incízneho krytia</t>
  </si>
  <si>
    <t>Špeciálny zdravotnícky materiál pre invazívnu diagnostickú a intervenčnú elektrofyziológiu s osobitným zreteľom na multipolárne (10 polárne) 5F fixné mapovacie katétre určené pre mapovanie pravej predsiene a koronárneho sínusu, s použiteľnou dĺžkou 65 a 90 cm, vrátane príslušenstva, spojovacích káblov a incízneho krytia:</t>
  </si>
  <si>
    <t>Položka č. 1 - Fixné mapovacie katétre s príslušenstvom</t>
  </si>
  <si>
    <t>fixné mapovacie katétre s príslušenstvom</t>
  </si>
  <si>
    <t xml:space="preserve">Časť č. 7 - Špeciálny zdravotnícky materiál pre invazívnu diagnostickú a intervenčnú elektrofyziológiu s osobitným zreteľom na elektrofyziologické katétre pre diagnostiku a liečbu porúch srdcového rytmu kompatibilné s 3D mapovacím systémom Carto </t>
  </si>
  <si>
    <t xml:space="preserve">Špeciálny zdravotnícky materiál pre invazívnu diagnostickú a intervenčnú elektrofyziológiu s osobitným zreteľom na elektrofyziologické katétre pre diagnostiku a liečbu porúch srdcového rytmu kompatibilné s 3D mapovacím systémom Carto: </t>
  </si>
  <si>
    <t>Položka č. 1 - Multipolárne fixne preformované diagnostické katétre</t>
  </si>
  <si>
    <t>multipolárne, fixne preformované diagnostické katétre rôznych hrúbok a zakrivení vrátane katétrov s možnosťou technológie Auto ID a príslušenstvo</t>
  </si>
  <si>
    <t>multipolárne ovládateľné diagnostické katétre rôznych hrúbok a zakrivení vrátane slučkových katétrov, vrátane katétrov s možnosťou technológie Auto ID a príslušenstvo</t>
  </si>
  <si>
    <t xml:space="preserve">Položka č. 2 - Multipolárne ovládateľné diagnostické katétre </t>
  </si>
  <si>
    <t>Položka č. 3 - Multipolárne mapovacie katétre umožňujúce súčasné snímanie väčšieho množstva bodov</t>
  </si>
  <si>
    <t>multipolárne mapovacie  katétre umožňujúce súčasné snímanie väčšieho množstva bodov s príslušenstvom</t>
  </si>
  <si>
    <t xml:space="preserve">Položka č. 4 - Univerzálne ablačné katétre </t>
  </si>
  <si>
    <t>univerzálne ablačné katétre so 4 a 8 mm špičkou vrátane bi-direkčných ablačných katétrov s aj bez intrakardiálneho preplachovacieho systému s príslušenstvom</t>
  </si>
  <si>
    <t xml:space="preserve">Položka č. 5 - Ablačné katétre s elektromagnetickou intrakardiálnou navigáciou </t>
  </si>
  <si>
    <t>ablačné katétre s elektromagnetickou intrakardiálnou navigáciou s aj bez intrakardiálneho preplachovacieho systému aj s možnosťou merania sily prítlaku s príslušenstvom</t>
  </si>
  <si>
    <t>Položka č. 6 - Ablačné katétre pre 3D mapovanie a abláciu s aktivným magnetickým mapovacím senzorom a senzorom prítlaku pre ablačnú metódu High Power Short Duration</t>
  </si>
  <si>
    <t>Položka č. 7 - Ovládateľné zavádzače zobrazované v 3D systéme Carto</t>
  </si>
  <si>
    <t>špeciálne preformované zavádzače určené na prácu v pravostranných a ľavostranných srdcových dutinách zobrazované 3D systémom Carto s príslušenstvom</t>
  </si>
  <si>
    <t>spojovacie káble na komunikáciu katétrov s intrakardiálnym zapisovačom a rádiofrekvenčným generátorom</t>
  </si>
  <si>
    <t>lokalizačné elektródy pre 3D navigáciu kompatibilné so systémom Carto</t>
  </si>
  <si>
    <t>špeciálne vodiace drôty určené na zavádzanie ľavokomorových elektród</t>
  </si>
  <si>
    <t>dlhé intravazálne zavádzače s veľkosťou 16F a s rádioopacitnou výstelkou pre vylepšenie viditeľnosti</t>
  </si>
  <si>
    <t>Položka č. 8 - Spojovacie káble</t>
  </si>
  <si>
    <t>Položka č. 9 - Lokalizačné elektródy pre 3D navigáciu katétrov</t>
  </si>
  <si>
    <t>Položka č. 10 - Dlhé intravazálne zavádzače s veľkosťou 16F a s rádioopacitnou výstelkou pre vylepšenie viditeľnosti</t>
  </si>
  <si>
    <t>Položka č. 11 - Špeciálne vodiace drôty</t>
  </si>
  <si>
    <t>Časť č. 8 - Špeciálny zdravotnícky materiál pre invazívnu diagnostickú a intervenčnú elektrofyziológiu s osobitným zreteľom na elektrofyziologické katétre pre diagnostiku a liečbu porúch srdcového rytmu so špeciálnou konštrukciou katétrov, s Pt-Ir elektródami vyrobenými bez použitia lepidla, s príslušenstvom vrátane spojovacích káblov</t>
  </si>
  <si>
    <t>Špeciálny zdravotnícky materiál pre invazívnu diagnostickú a intervenčnú elektrofyziológiu s osobitným zreteľom na elektrofyziologické katétre pre diagnostiku a liečbu porúch srdcového rytmu so špeciálnou konštrukciou katétrov, s Pt-Ir elektródami vyrobenými bez použitia lepidla, s príslušenstvom vrátane spojovacích káblov:</t>
  </si>
  <si>
    <t>Položka č. 1 - Diagnostické katétre 4-8 polárne</t>
  </si>
  <si>
    <t>4-8 polárne diagnostické katétre s možnosťou unipolárnej stimulácie pravej komory z elektródy lokalizovanej v dolnej dutej žile rôznych hrúbok a zakrivení</t>
  </si>
  <si>
    <t>Položka č. 1 - Diagnostické katétre 10-20 polárne</t>
  </si>
  <si>
    <t>10-20 polárne diagnostické katétre ovládateľné a s fixným zakrivením rôznych hrúbok a zakrivení</t>
  </si>
  <si>
    <t>Položka č. 1 - Ablačné katétre</t>
  </si>
  <si>
    <t>ablačné katétre, uni a bidirekčne ovládateľné rôznych hrúbok a s kompletnou paletou zakrivení vrátane 5 Fr. katétrov, dĺžka pohyblivej časti 10-80mm</t>
  </si>
  <si>
    <t xml:space="preserve">Položka č. 1 - Spojovacie káble </t>
  </si>
  <si>
    <t>spojovacie káble na prepojenie katétrov a intrakardiálnym zapisovačom a rádiofrekvenčným generátorom</t>
  </si>
  <si>
    <t>Časť č. 9 - Špeciálny zdravotnícky materiál pre invazívnu diagnostickú a intervenčnú elektrofyziológiu s osobitným zreteľom na elektrofyziologické katétre pre diagnostiku a liečbu porúch srdcového rytmu so špeciálnou konštrukciou katétrov zabezpečujúcou dobrú manipulovateľnosť a stabilitu katétrov, s príslušenstvom spojovacích káblov</t>
  </si>
  <si>
    <t xml:space="preserve">Položka č. 1 - Diagnostické multipolárne fixne preformované katétre </t>
  </si>
  <si>
    <t xml:space="preserve">diagnostické multipolárne fixne preformované katétre so špeciálnou konštrukciou katétrov zabezpečujúcou dobrú manipulovateľnosť a stabilitu katétrov určené pre elektrofyziologické vyšetrenie srdca </t>
  </si>
  <si>
    <t>diagnostické multipolárne ovládateľné katétre so špeciálnou konštrukciou katétrov zabezpečujúcou dobrú manipulovateľnosť a stabilitu katétrov určené pre elektrofyziologické vyšetrenie srdca</t>
  </si>
  <si>
    <t>spojovacie káble umožňujúce komunikáciu katétra s intrakardiálnym zapisovačom a rádiofrekvenčným generátorom.</t>
  </si>
  <si>
    <t>Položka č. 1 - Elektródy pre dočasnú kardiostimuláciu s nafukovacím balónikom</t>
  </si>
  <si>
    <t>Špeciálny zdravotnícky materiál pre invazívnu diagnostickú a intervenčnú elektrofyziológiu s osobitným zreteľom na:</t>
  </si>
  <si>
    <t>elektródy pre dočasnú kardiostimuláciu s nafukovacím plávajúcim balónikom kompatibilné s dočasnými kardiostimulátormi.</t>
  </si>
  <si>
    <t>Časť č. 10 - Špeciálny zdravotnícky materiál pre invazívnu diagnostickú a intervenčnú elektrofyziológiu s osobitným zreteľom na elektródy pre dočasnú kardiostimuláciu s nafukovacím plávajúcim balónikom</t>
  </si>
  <si>
    <t>Časť č. 11 - Špeciálny zdravotnícky materiál pre invazívnu diagnostickú a intervenčnú elektrofyziológiu s osobitným zreteľom na kryoablačné balónikové a mapovacie katétre všetkých polomerov pre cirkulárnu kryoabláciu s cieľom izolácie pulmonálnych žíl (vrátane špeciálnych zavádzačov pre zavádzanie katétrov do ľavej predsiene) za použitia systému Cryocath a ablačné katétre všetkých zakrivení a rozmerov distálnej elektródy pre fokálnu katétrovú kryoabláciu pomocou chladiaceho systému Cryocath, vrátane príslušenstva, spojovacích káblov a incízneho krytia</t>
  </si>
  <si>
    <t>Špeciálny zdravotnícky materiál pre invazívnu diagnostickú a intervenčnú elektrofyziológiu s osobitným zreteľom na kryoablačné balónikové a mapovacie katétre všetkých polomerov pre cirkulárnu kryoabláciu s cieľom izolácie pulmonálnych žíl (vrátane špeciálnych zavádzačov pre zavádzanie katétrov do ľavej predsiene) za použitia systému Cryocath a ablačné katétre všetkých zakrivení a rozmerov distálnej elektródy pre fokálnu katétrovú kryoabláciu pomocou chladiaceho systému Cryocath, vrátane príslušenstva, spojovacích káblov a incízneho krytia:</t>
  </si>
  <si>
    <t xml:space="preserve">Položka č. 1 - Kryoablačné balónikové katétre </t>
  </si>
  <si>
    <t>kryoablačné balónikové katétre pre izoláciu pľúcnych žíl s príslušenstvom</t>
  </si>
  <si>
    <t>slučkové mapovacie katétre s príslušenstvom</t>
  </si>
  <si>
    <t>Časť č. 12 - 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6 termosenzormi pre presnejšie snímanie teploty ako aj schopnosťou regulácie teploty v reálnom čase, umožňujúcej používať vysoký RF výkon pri zachovaní bezpečnosti pre pacienta, vrátane príslušenstva, spojovacích káblov a incízneho krytia</t>
  </si>
  <si>
    <t xml:space="preserve">Špeciálny zdravotnícky materiál pre invazívnu diagnostickú a intervenčnú elektrofyziológiu s osobitným zreteľom na kvadripolárne termosenzorové preplachové ablačné katétre v rôznych zakriveniach vrátane katétrov s rýchlym chladením vďaka použitiu špeciálnych materiálov s vysokou tepelnou difúziou a  6 termosenzormi pre presnejšie snímanie teploty ako aj schopnosťou regulácie teploty v reálnom čase, umožňujúcej používať vysoký RF výkon pri zachovaní bezpečnosti pre pacienta, vrátane príslušenstva, spojovacích káblov a incízneho krytia: 
</t>
  </si>
  <si>
    <t>Položka č. 1 - Ablačné katétre kompatibilné s ablačným systémom Diamond Temp s príslušenstvom</t>
  </si>
  <si>
    <t>ablačné katétre kompatibilné s ablačným systémom Diamond Temp s príslušenstvom</t>
  </si>
  <si>
    <t>Časť č. 13 - Špeciálny zdravotnícky materiál pre invazívnu diagnostickú a intervenčnú elektrofyziológiu s osobitným zreteľom na ovládateľné multipolárne diagnostické katétre s rotačne symetrickou rukoväťou a s ovládaním push-pull, ovládateľné termosenzorové ablačné katétre so zlatou distálnou ablačnou elektródou vrátane príslušenstva a spojovacích káblov</t>
  </si>
  <si>
    <t>Špeciálny zdravotnícky materiál pre invazívnu diagnostickú a intervenčnú elektrofyziológiu s osobitným zreteľom na ovládateľné multipolárne diagnostické katétre s rotačne symetrickou rukoväťou a s ovládaním push-pull, ovládateľné termosenzorové ablačné katétre so zlatou distálnou ablačnou elektródou, vrátane príslušenstva a spojovacích káblov.</t>
  </si>
  <si>
    <t>Položka č. 1 - Diagnostické katétre</t>
  </si>
  <si>
    <t xml:space="preserve">ovládateľné multipolárne diagnostické katétre s rotačne symetrickou rukoväťou a s ovládaním push-pull, vrátane príslušenstva a spojovacích káblov </t>
  </si>
  <si>
    <t xml:space="preserve">Položka č. 2 - Ovládateľné ablačné katétre  </t>
  </si>
  <si>
    <t>Položka č. 3 - Spojovacie káble</t>
  </si>
  <si>
    <t>spojovacie káble umožňujúce komunikáciu katétra s intrakardiálnym zapisovačom a rádiofrekvenčným generátorom</t>
  </si>
  <si>
    <t>Položka č. 4 - Špeciálne zavádzače</t>
  </si>
  <si>
    <t>dlhé intravazálne zavádzače rôznych zakrivení s hemostatickým preplachovacím uzáverom vrátane vnútorných zavádzačov rôznych zakrivení pre selektívne sondovanie venózneho systému srdca a následné zavádzanie ľavokomorových intrakardiálnych elektród, s možnosťou bezpečnostného uzamykacieho mechanizmu elektródy v rezacom mechanizme</t>
  </si>
  <si>
    <t>Položka č. 5 - Zavádzacie drôty</t>
  </si>
  <si>
    <t>zavádzacie drôty používané na sondovanie koronárneho sínusu</t>
  </si>
  <si>
    <t>príslušenstvo potrebné ku angiografii koronárneho systém.</t>
  </si>
  <si>
    <t xml:space="preserve">Položka č. 6 - Príslušenstvo ku angiografii koronárneho systému </t>
  </si>
  <si>
    <t>Časť č. 14 - Špeciálny zdravotnícky materiál pre invazívnu diagnostickú a intervenčnú elektrofyziológiu s osobitným zreteľom na bioptonické kliešte umožňujúce biopsiu myokardu</t>
  </si>
  <si>
    <t>Špeciálny zdravotnícky materiál pre invazívnu diagnostickú a intervenčnú elektrofyziológiu s osobitným zreteľom na bioptonické kliešte umožňujúce biopsiu myokardu:</t>
  </si>
  <si>
    <t xml:space="preserve">Položka č. 1 - Bioptonické kliešte </t>
  </si>
  <si>
    <t>Časť č. 15 - Špeciálny zdravotnícky materiál pre invazívnu diagnostickú a intervenčnú elektrofyziológiu s osobitným zreteľom na ovládateľné katétre umožňujúce intrakardiálnu echokardiografiu kompatibilné s echokardiografickým prístrojom zn. Siemens</t>
  </si>
  <si>
    <t>Špeciálny zdravotnícky materiál pre invazívnu diagnostickú a intervenčnú elektrofyziológiu s osobitným zreteľom na ovládateľné katétre umožňujúce intrakardiálnu echokardiografiu kompatibilné s echokardiografickým prístrojom zn. Siemens:</t>
  </si>
  <si>
    <t xml:space="preserve">Položka č. 1 - Ovládateľné katétre umožňujúce intrakardiálnu echokardiografiu  </t>
  </si>
  <si>
    <t xml:space="preserve">ovládateľné katétre umožňujúce intrakardiálnu echokardiografiu 8 a 10 Fr.  </t>
  </si>
  <si>
    <t>Časť č. 16 - Špeciálny zdravotnícky materiál pre invazívnu diagnostickú a intervenčnú elektrofyziológiu s osobitným zreteľom na elektroporačný elektrofyziologický set</t>
  </si>
  <si>
    <t>Špeciálny zdravotnícky materiál pre invazívnu diagnostickú a intervenčnú elektrofyziológiu s osobitným zreteľom na elektroporačný elektrofyziologický set</t>
  </si>
  <si>
    <t xml:space="preserve">Položka č. 1 - Elektroporačný elektrofyziologický set </t>
  </si>
  <si>
    <t xml:space="preserve">Elektroporačný elektrofyziologický set pozostávajúci z: 
1. Katéter na impulznú srdcovú abláciu
2. Ovládateľný zavádzač 
3. Spojovacie káble.  </t>
  </si>
  <si>
    <t xml:space="preserve">1 ks rukavice 6,5 latexové nepudrované 
1 ks striekačka 5ml L
2 ks rukavice 7 latexové pudrované 
2 ks striekačka 10ml 
2 ks rukavice 8 latexové pudrované  
2 ks rukavice 7,5 latexové pudrované  
2 ks rukavice 8,5 latexové pudrované
3 ks striekačka 20ml L
1 ks fixátor 25mm 
1 ks miska 250ml
1 ks skalpel č. 23 s dlhou rúčkou 
2 ks čaša 60ml 
1 ks pacientská rúška na implantáciu pacemakera od min. 230 x do max. 330cm  
1 ks rúška na stolík od min. 137 x do max. 150cm
1 ks kryt na výbojku R65/R60
1 ks podkožná ihla 20Gax1 ½ 
2 ks operačný plášť štandardný XL s utierkou
1 ks rúška od min. 80 x do max. 100cm s adhezívnym prúžkom
1 ks vrece na odpad od min. 35 x do max. 56cm
100 ks gázové štvorce 10x10cm 12-vrstvové
24 ks gázové tampóny 45mm RTG-kontrastné
4 ks gázové tampóny 50mm
1 ks podložka od min. 10 x do max. 10cm
1 ks 7Fr Split Sheath Introducer Set
1 ks 9Fr sheath
1 ks tácka
3 ks utierka na ruky
1 ks šitie Chirlac Braided Violet 0,90cm
1 ks šitie Chirlac Rapid Natural 3/0, 70cm
1 ks šitie Silon Braided White 2/0, 3x45cm s TP ihlou
1 ks šitie SURGILON 1/4 7x30" 75 cm
</t>
  </si>
  <si>
    <t xml:space="preserve">1 ks rukavice 6,5 latexové pudrované 
2 ks rukavice 7 latexové pudrované 
1 ks rukavice 7,5 latexové pudrované 
1 ks rukavice 8 latexové pudrované
1 ks ihelec kovový min. 12cm max. 14,5cm 
1 ks skalpel č. 11 s dlhou rúčkou   
1 ks pacientská rúška na implantáciu pacemakera min. 230cm x max. 330cm 
1 ks rúška na stolík min. 137cm x max. 150cm
1 ks kryt na výbojku R65/R60
1 ks miska min. 100ml max. 120ml
1 ks striekačka 5ml L
2 ks striekačka 10ml L
1 ks striekačka 20ml L
2 ks plášť Standard XL s utierkou
1 ks rúška min. 80cm x max. 100cm s adhezívnym prúžkom
50 ks gázové štvorce 7,5x7,5cm 12-vrstvové
1 ks podložka min. 10cm x max. 10cm
1 ks 6Fr Set so zavádzačom
1 ks tácka
3 ks utierka na ruky
1 ks šitie Chirlac Braided Violet 0,90cm
1 ks šitie Chirlac Rapid Natural 3/0, 70cm
2 ks šitie Silon Braided White 2/0, 3x45cm s TP ihlou
</t>
  </si>
  <si>
    <t xml:space="preserve">1 ks miska 250cc číra 
4 ks vodiaci drôt .038x50cm
1 ks striekačka 2ml L     
1 ks podkožná ihla 21Gax1 ½ 
2 ks striekačka 5ml L     
1 ks ihla k zavádzaču 18Gax7cm
2 ks striekačka 10ml L     
2 ks striekačka 20ml L     
2 ks 7Fr set so zavádzačom
1 ks kryt na výbojku R65/R60
1 ks čaša 60ml
1 ks rukavice 6,5 latexové pudrované   
2 ks rukavice 7 latexové pudrované 
2 ks rukavice 7,5 latexové pudrované 
2 ks rukavice 8 latexové pudrované 
1 ks skalpel č. 11 s dlhou rúčkou   
1 ks pacientská rúška na implantáciu pacemakera od min. 230 x do max. 355cm 
1 ks rúška na stolík od min. 137 x do max. 150cm
1 ks ochranný kryt 120x120cm
2 ks operačný plášť štandardný XL s utierkou
1 ks rúška od min. 80 x do max. 100cm s adhezívnym prúžkom
1 ks rúška od. min. 50 x do max. 60cm
50 ks gázové štvorce 7,5x7,5cm so zárezom
1 ks podložka od min. 10 x do max. 10cm
2 ks 6Fr set so zavádzačom
1 ks tácka
3 ks utierka na ruky
2 ks SURGILON 0/3,5 30" 75 cm V-30
</t>
  </si>
  <si>
    <t>Áno - 16 častí</t>
  </si>
  <si>
    <r>
      <t>Predmet zákazky je rozdelený na 16 samostatných častí</t>
    </r>
    <r>
      <rPr>
        <sz val="10"/>
        <rFont val="Arial"/>
        <family val="2"/>
        <charset val="238"/>
      </rPr>
      <t>.</t>
    </r>
  </si>
  <si>
    <t xml:space="preserve">Požadovaný počet MJ na obdobie 36 mesiacov
</t>
  </si>
  <si>
    <t xml:space="preserve">Časť č. 1 - Špeciálny zdravotnícky materiál pre invazívnu diagnostickú a intervenčnú elektrofyziológiu s osobitným zreteľom na intravazálne zavádzače s hemostatickým uzáverom, preplachovacím 3-cestným kohútom pre štandardné účely zavádzania elektrofyziologických katétrov </t>
  </si>
  <si>
    <t>Operačné sety používané pri implantácii dočasného kardiostimulátora a slučkového rekordéra</t>
  </si>
  <si>
    <t>Operačné sety používané pri elektrofyziologickom vyšetrení a katétrovej ablácii</t>
  </si>
  <si>
    <t xml:space="preserve">Časť č. 4 - Špeciálny zdravotnícky materiál pre invazívnu diagnostickú a intervenčnú elektrofyziológiu s osobitným zreteľom na elektrofyziologické katétre pre diagnostiku a liečbu porúch srdcového rytmu kompatibilné s 3D mapovacím systémom EnSite Precision, EnSite X s kompletným príslušenstvom vrátane káblov </t>
  </si>
  <si>
    <t>Časť č. 5 - Špeciálny zdravotnícky materiál pre invazívnu diagnostickú a intervenčnú elektrofyziológiu s osobitným zreteľom na multipolárne (10 polárne) 7F ovládateľné mapovacie katétre určené pre mapovanie pravej predsiene a koronárneho sinu, s dĺžkou 90 cm a s dosahom oblúka až 55 mm pre uľahčený vstup do ústia koronárneho sínusu, s možnosťou fixácie zakrivenia rotačným mechanizmom, vrátane príslušenstva, spojovacích káblov a incízneho krytia</t>
  </si>
  <si>
    <t>Ovládateľné mapovacie katétre s príslušenstvom</t>
  </si>
  <si>
    <t>Diagnostické katétre 4-8 polárne</t>
  </si>
  <si>
    <t>Diagnostické katétre 10-20 polárne</t>
  </si>
  <si>
    <t>Ablačné katétre</t>
  </si>
  <si>
    <t xml:space="preserve">Spojovacie káble </t>
  </si>
  <si>
    <t>33141200-2 Katétre</t>
  </si>
  <si>
    <t>33141240-4 Príslušenstvo ku katétrom</t>
  </si>
  <si>
    <t>33140000-3 Zdravotnícky spotrebný materiál</t>
  </si>
  <si>
    <t>33182240-3 Časti a príslušenstvo srdcových stimulátorov</t>
  </si>
  <si>
    <t>Intravazálne zavádzače "s hemostatickým uzáverom"</t>
  </si>
  <si>
    <t>Intravazálne roztrhateľné zavádzače "bez hemostatického uzáveru"</t>
  </si>
  <si>
    <t xml:space="preserve">Operačné sety používané pri implantácii trvalého kardiostimulátora a defibrilátora </t>
  </si>
  <si>
    <t xml:space="preserve">Intravazálne zavádzače (transseptálne neovládateľné) </t>
  </si>
  <si>
    <t xml:space="preserve">Ovládateľné intravazálne zavádzače (transseptálne) </t>
  </si>
  <si>
    <t>Punkčné transeptálne ihly</t>
  </si>
  <si>
    <t>Multipolárne diagnostické katétre (neovládateľné a ovládateľné)</t>
  </si>
  <si>
    <t>Multipolárne ovládateľné HD mapovacie katétre</t>
  </si>
  <si>
    <t>Ablačné katétre (4, 8 mm; flexibilný hrot)</t>
  </si>
  <si>
    <t xml:space="preserve">Ovládateľné preplachové ablačné katétre (contact force) </t>
  </si>
  <si>
    <t>Lokalizačné elektródy</t>
  </si>
  <si>
    <t>Fixné mapovacie katétre s príslušenstvom</t>
  </si>
  <si>
    <t>Multipolárne fixne preformované diagnostické katétre</t>
  </si>
  <si>
    <t xml:space="preserve">Multipolárne ovládateľné diagnostické katétre </t>
  </si>
  <si>
    <t>Multipolárne mapovacie katétre umožňujúce súčasné snímanie väčšieho množstva bodov</t>
  </si>
  <si>
    <t xml:space="preserve">Univerzálne ablačné katétre </t>
  </si>
  <si>
    <t xml:space="preserve">Ablačné katétre s elektromagnetickou intrakardiálnou navigáciou </t>
  </si>
  <si>
    <t>Ablačné katétre pre 3D mapovanie a abláciu s aktivným magnetickým mapovacím senzorom a senzorom prítlaku pre ablačnú metódu High Power Short Duration</t>
  </si>
  <si>
    <t>Ovládateľné zavádzače zobrazované v 3D systéme Carto</t>
  </si>
  <si>
    <t>Spojovacie káble</t>
  </si>
  <si>
    <t>Lokalizačné elektródy pre 3D navigáciu katétrov</t>
  </si>
  <si>
    <t>Dlhé intravazálne zavádzače s veľkosťou 16F a s rádioopacitnou výstelkou pre vylepšenie viditeľnosti</t>
  </si>
  <si>
    <t>Špeciálne vodiace drôty</t>
  </si>
  <si>
    <t xml:space="preserve">Diagnostické multipolárne fixne preformované katétre </t>
  </si>
  <si>
    <t>Diagnostické multipolárne ovládateľné katétre</t>
  </si>
  <si>
    <t>Elektródy pre dočasnú kardiostimuláciu s nafukovacím balónikom</t>
  </si>
  <si>
    <t xml:space="preserve">Kryoablačné balónikové katétre </t>
  </si>
  <si>
    <t xml:space="preserve">Slučkové mapovacie katétre </t>
  </si>
  <si>
    <t>Ablačné katétre kompatibilné s ablačným systémom Diamond Temp s príslušenstvom</t>
  </si>
  <si>
    <t xml:space="preserve">Diagnostické katétre </t>
  </si>
  <si>
    <t xml:space="preserve">Ovládateľné ablačné katétre  </t>
  </si>
  <si>
    <t>Špeciálne zavádzače</t>
  </si>
  <si>
    <t>Zavádzacie drôty</t>
  </si>
  <si>
    <t xml:space="preserve">Príslušenstvo ku angiografii koronárneho systému </t>
  </si>
  <si>
    <t xml:space="preserve">Bioptonické kliešte </t>
  </si>
  <si>
    <t xml:space="preserve">Časť č. 15 - Špeciálny zdravotnícky materiál pre invazívnu diagnostickú a intervenčnú elektrofyziológiu s osobitným zreteľom na ovládateľné katétre umožňujúce intrakardiálnu echokardiografiu kompatibilné s echokardiografickým prístrojom zn. Siemens  </t>
  </si>
  <si>
    <t xml:space="preserve">Elektroporačný elektrofyziologický set </t>
  </si>
  <si>
    <t xml:space="preserve">Ovládateľné katétre umožňujúce intrakardiálnu echokardiografiu  </t>
  </si>
  <si>
    <t>Ablačné a mapovacie katétre s premenlivým zakrivením riaditeľné posuvným/výsuvným mechanizmom na rukoveti a navigačným magnetickým senzorom – kompatibilný s 3D navigačným systémom Carto3 , s chladeným poréznym hrotom a magnetickým a prítlakovým senzorom, kompatibilný s RF generátorom nGen</t>
  </si>
  <si>
    <t>bioptonické kliešte umožňujúce biopsiu myokardu rôznych dĺžok s možnosťou zavedenia cez v. subclavia aj cez v. femoralis</t>
  </si>
  <si>
    <t>Požaduje sa uzatvorenie Rámcovej dohody, a to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t>
  </si>
  <si>
    <r>
      <t xml:space="preserve">Účel prípravnej trhovej konzultácie - </t>
    </r>
    <r>
      <rPr>
        <b/>
        <sz val="10"/>
        <color rgb="FFFF0000"/>
        <rFont val="Arial"/>
        <family val="2"/>
        <charset val="238"/>
      </rPr>
      <t>OPRAVA 7.11.2023</t>
    </r>
  </si>
  <si>
    <t>Špeciálne dlhé ovládateľné intravazálne zavádzače</t>
  </si>
  <si>
    <t>Položka č. 2 - Diagnostické multipolárne ovládateľné katétre</t>
  </si>
  <si>
    <t xml:space="preserve">Položka č. 2 - Slučkové mapovacie katétre </t>
  </si>
  <si>
    <t>špeciálne dlhé ovládateľné intravazálne zavádzače s ovládateľnou rúčkou určené na zavádzanie balónikového katétra</t>
  </si>
  <si>
    <r>
      <t xml:space="preserve">Položka č. 3 - </t>
    </r>
    <r>
      <rPr>
        <b/>
        <i/>
        <sz val="10"/>
        <color rgb="FFFF0000"/>
        <rFont val="Arial"/>
        <family val="2"/>
        <charset val="238"/>
      </rPr>
      <t>Špeciálne dlhé ovládateľné intravazálne zavádzače</t>
    </r>
  </si>
  <si>
    <t>ovládateľné termosenzorové ablačné katétre so zlatou distálnou ablačnou elektródou, nepreplachové s  dĺžkou distálneho ablačného hrotu 4mm alebo s predĺženým ablačným hrotom 8mm, irigačné katétre so zlatým hrotom s 12-timi otvormi 3D na úplnú elimináciu trombu, vrátane príslušenstva, spojovacích káblov a bidirekčných ovládateľných intravazálnych zavádzačov so zakrivením 180° obojstranne pre mapovanie a/alebo abláciu v ľavej predsieni alebo iných dutinách srdc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
      <b/>
      <i/>
      <sz val="10"/>
      <color rgb="FFFF0000"/>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
      <patternFill patternType="solid">
        <fgColor theme="9" tint="0.79998168889431442"/>
        <bgColor indexed="64"/>
      </patternFill>
    </fill>
  </fills>
  <borders count="50">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medium">
        <color auto="1"/>
      </left>
      <right/>
      <top style="thin">
        <color auto="1"/>
      </top>
      <bottom style="thin">
        <color auto="1"/>
      </bottom>
      <diagonal/>
    </border>
    <border>
      <left/>
      <right style="medium">
        <color indexed="64"/>
      </right>
      <top style="thin">
        <color auto="1"/>
      </top>
      <bottom style="thin">
        <color auto="1"/>
      </bottom>
      <diagonal/>
    </border>
    <border>
      <left style="thin">
        <color auto="1"/>
      </left>
      <right/>
      <top style="medium">
        <color auto="1"/>
      </top>
      <bottom style="thin">
        <color auto="1"/>
      </bottom>
      <diagonal/>
    </border>
    <border>
      <left style="medium">
        <color auto="1"/>
      </left>
      <right style="thin">
        <color auto="1"/>
      </right>
      <top style="thin">
        <color auto="1"/>
      </top>
      <bottom style="dashed">
        <color auto="1"/>
      </bottom>
      <diagonal/>
    </border>
    <border>
      <left style="thin">
        <color auto="1"/>
      </left>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9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10"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2"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1" xfId="0" applyNumberFormat="1" applyFont="1" applyBorder="1" applyAlignment="1">
      <alignment horizontal="center" vertical="center" wrapText="1"/>
    </xf>
    <xf numFmtId="0" fontId="10" fillId="2" borderId="8" xfId="0" applyNumberFormat="1" applyFont="1" applyFill="1" applyBorder="1" applyAlignment="1">
      <alignment horizontal="left" vertical="center" wrapText="1"/>
    </xf>
    <xf numFmtId="0" fontId="6" fillId="2" borderId="8" xfId="0" applyNumberFormat="1" applyFont="1" applyFill="1" applyBorder="1" applyAlignment="1">
      <alignment horizontal="left" vertical="center" wrapText="1"/>
    </xf>
    <xf numFmtId="49" fontId="2" fillId="0" borderId="6"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6" xfId="0" applyNumberFormat="1" applyFont="1" applyFill="1" applyBorder="1" applyAlignment="1">
      <alignment horizontal="center" vertical="center" wrapText="1"/>
    </xf>
    <xf numFmtId="0" fontId="2" fillId="0" borderId="8" xfId="0" applyNumberFormat="1" applyFont="1" applyBorder="1" applyAlignment="1">
      <alignment horizontal="center" vertical="center" wrapText="1"/>
    </xf>
    <xf numFmtId="49" fontId="2" fillId="0" borderId="13" xfId="0" applyNumberFormat="1" applyFont="1" applyBorder="1" applyAlignment="1">
      <alignment horizontal="center" vertical="center"/>
    </xf>
    <xf numFmtId="0" fontId="6" fillId="0" borderId="17" xfId="0" applyNumberFormat="1" applyFont="1" applyBorder="1" applyAlignment="1">
      <alignment horizontal="center" vertical="center" wrapText="1"/>
    </xf>
    <xf numFmtId="49" fontId="2" fillId="0" borderId="7"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8"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18"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3" fontId="2" fillId="0" borderId="21" xfId="0" applyNumberFormat="1" applyFont="1" applyBorder="1" applyAlignment="1">
      <alignment horizontal="center" vertical="center" wrapText="1"/>
    </xf>
    <xf numFmtId="3" fontId="2" fillId="0" borderId="23"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0" fontId="2" fillId="7" borderId="23" xfId="0" applyFont="1" applyFill="1" applyBorder="1" applyAlignment="1">
      <alignment horizontal="center" vertical="center" wrapText="1"/>
    </xf>
    <xf numFmtId="0" fontId="2" fillId="0" borderId="0" xfId="0" applyFont="1" applyBorder="1" applyAlignment="1">
      <alignment vertical="center" wrapText="1"/>
    </xf>
    <xf numFmtId="0" fontId="3" fillId="0" borderId="23" xfId="0" applyFont="1" applyBorder="1" applyAlignment="1">
      <alignment horizontal="center"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3" fontId="2" fillId="0" borderId="0" xfId="0" applyNumberFormat="1" applyFont="1" applyFill="1" applyBorder="1" applyAlignment="1">
      <alignment horizontal="center" vertical="center" wrapText="1"/>
    </xf>
    <xf numFmtId="0" fontId="3" fillId="0" borderId="0" xfId="0" applyFont="1" applyBorder="1" applyAlignment="1">
      <alignment horizontal="right"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21" xfId="0" applyFont="1" applyBorder="1" applyAlignment="1">
      <alignment horizontal="left" vertical="center" wrapText="1"/>
    </xf>
    <xf numFmtId="3" fontId="3" fillId="0" borderId="25"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27" xfId="0" applyNumberFormat="1" applyFont="1" applyBorder="1" applyAlignment="1">
      <alignment horizontal="center" vertical="center" wrapText="1"/>
    </xf>
    <xf numFmtId="49" fontId="2" fillId="0" borderId="28" xfId="0" applyNumberFormat="1" applyFont="1" applyBorder="1" applyAlignment="1">
      <alignment horizontal="left" vertical="center" wrapText="1"/>
    </xf>
    <xf numFmtId="3" fontId="2" fillId="7" borderId="23" xfId="0" applyNumberFormat="1" applyFont="1" applyFill="1" applyBorder="1" applyAlignment="1">
      <alignment horizontal="center" vertical="center" wrapText="1"/>
    </xf>
    <xf numFmtId="3" fontId="3" fillId="0" borderId="23" xfId="0" applyNumberFormat="1" applyFont="1" applyBorder="1" applyAlignment="1">
      <alignment horizontal="center"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8" xfId="0" applyFont="1" applyFill="1" applyBorder="1" applyAlignment="1">
      <alignment horizontal="center" vertical="top" wrapText="1"/>
    </xf>
    <xf numFmtId="49" fontId="2" fillId="0" borderId="26" xfId="0" applyNumberFormat="1" applyFont="1" applyFill="1" applyBorder="1" applyAlignment="1">
      <alignment horizontal="center" vertical="center" wrapText="1"/>
    </xf>
    <xf numFmtId="0" fontId="2" fillId="0" borderId="27" xfId="0" applyFont="1" applyFill="1" applyBorder="1" applyAlignment="1">
      <alignment horizontal="left" vertical="center" wrapText="1"/>
    </xf>
    <xf numFmtId="0" fontId="6" fillId="0" borderId="29" xfId="0" applyNumberFormat="1" applyFont="1" applyBorder="1" applyAlignment="1">
      <alignment horizontal="center" vertical="center" wrapText="1"/>
    </xf>
    <xf numFmtId="0" fontId="2" fillId="0" borderId="30" xfId="0" applyFont="1" applyFill="1" applyBorder="1" applyAlignment="1">
      <alignment horizontal="center" vertical="center" wrapText="1"/>
    </xf>
    <xf numFmtId="0" fontId="2" fillId="0" borderId="14"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15"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0" xfId="0" applyFont="1" applyAlignment="1">
      <alignment horizontal="center" vertical="center" wrapText="1"/>
    </xf>
    <xf numFmtId="0" fontId="4" fillId="0" borderId="0" xfId="2" applyFont="1" applyBorder="1" applyAlignment="1">
      <alignment horizontal="left" vertical="center" wrapText="1"/>
    </xf>
    <xf numFmtId="0" fontId="4" fillId="0" borderId="0" xfId="2" applyFont="1" applyFill="1" applyBorder="1" applyAlignment="1">
      <alignment horizontal="left" vertical="center"/>
    </xf>
    <xf numFmtId="0" fontId="4" fillId="0" borderId="0" xfId="2" applyFont="1" applyBorder="1" applyAlignment="1">
      <alignment horizontal="left" vertical="center"/>
    </xf>
    <xf numFmtId="0" fontId="4" fillId="0" borderId="0" xfId="2" applyFont="1" applyFill="1" applyBorder="1" applyAlignment="1">
      <alignment horizontal="left" vertical="center" wrapText="1"/>
    </xf>
    <xf numFmtId="0" fontId="4" fillId="7" borderId="0" xfId="2" applyFont="1" applyFill="1" applyBorder="1" applyAlignment="1">
      <alignment horizontal="left" vertical="center"/>
    </xf>
    <xf numFmtId="0" fontId="2" fillId="0" borderId="8" xfId="0" applyNumberFormat="1" applyFont="1" applyBorder="1" applyAlignment="1">
      <alignment horizontal="left" vertical="center" wrapText="1"/>
    </xf>
    <xf numFmtId="49" fontId="2" fillId="0" borderId="35" xfId="0" applyNumberFormat="1" applyFont="1" applyBorder="1" applyAlignment="1">
      <alignment horizontal="left" vertical="center" wrapText="1"/>
    </xf>
    <xf numFmtId="0" fontId="2" fillId="0" borderId="8" xfId="0" applyNumberFormat="1" applyFont="1" applyBorder="1" applyAlignment="1">
      <alignment horizontal="left" vertical="top" wrapText="1"/>
    </xf>
    <xf numFmtId="0" fontId="2" fillId="7" borderId="0" xfId="0" applyFont="1" applyFill="1" applyAlignment="1">
      <alignment vertical="center" wrapText="1"/>
    </xf>
    <xf numFmtId="0" fontId="2" fillId="7" borderId="0" xfId="0" applyFont="1" applyFill="1" applyAlignment="1">
      <alignment wrapText="1"/>
    </xf>
    <xf numFmtId="49" fontId="3" fillId="7"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9" xfId="0" applyNumberFormat="1" applyFont="1" applyFill="1" applyBorder="1" applyAlignment="1">
      <alignment horizontal="center" vertical="center" wrapText="1"/>
    </xf>
    <xf numFmtId="0" fontId="4" fillId="7" borderId="0" xfId="0" applyFont="1" applyFill="1" applyAlignment="1">
      <alignment horizontal="left" vertical="center" wrapText="1"/>
    </xf>
    <xf numFmtId="3" fontId="3" fillId="0" borderId="23" xfId="0" applyNumberFormat="1" applyFont="1" applyFill="1" applyBorder="1" applyAlignment="1">
      <alignment horizontal="center" vertical="center" wrapText="1"/>
    </xf>
    <xf numFmtId="0" fontId="2" fillId="0" borderId="16" xfId="0" applyFont="1" applyFill="1" applyBorder="1" applyAlignment="1">
      <alignment horizontal="left" vertical="center" wrapText="1"/>
    </xf>
    <xf numFmtId="49" fontId="2" fillId="2" borderId="36"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0" fontId="2" fillId="0" borderId="38"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7" borderId="0" xfId="0" applyFont="1" applyFill="1" applyAlignment="1">
      <alignment horizontal="center" vertical="center" wrapText="1"/>
    </xf>
    <xf numFmtId="0" fontId="2" fillId="0" borderId="22" xfId="0" applyFont="1" applyBorder="1" applyAlignment="1">
      <alignment horizontal="center" vertical="center" wrapText="1"/>
    </xf>
    <xf numFmtId="0" fontId="3" fillId="0" borderId="22" xfId="0" applyFont="1" applyBorder="1" applyAlignment="1">
      <alignment horizontal="center" vertical="center" wrapText="1"/>
    </xf>
    <xf numFmtId="0" fontId="3" fillId="0" borderId="24" xfId="0" applyFont="1" applyBorder="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2" fillId="0" borderId="26" xfId="0" applyNumberFormat="1" applyFont="1" applyBorder="1" applyAlignment="1">
      <alignment horizontal="center" vertical="center"/>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40" xfId="0" applyNumberFormat="1" applyFont="1" applyFill="1" applyBorder="1" applyAlignment="1">
      <alignment horizontal="center" vertical="center" wrapText="1"/>
    </xf>
    <xf numFmtId="49" fontId="2" fillId="2" borderId="41"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8" xfId="5" applyFont="1" applyFill="1" applyBorder="1" applyAlignment="1">
      <alignment horizontal="left" vertical="center" wrapText="1"/>
    </xf>
    <xf numFmtId="0" fontId="2" fillId="0" borderId="27" xfId="0" applyNumberFormat="1" applyFont="1" applyBorder="1" applyAlignment="1">
      <alignment horizontal="left" vertical="center" wrapText="1"/>
    </xf>
    <xf numFmtId="49" fontId="2" fillId="0" borderId="6" xfId="0" applyNumberFormat="1" applyFont="1" applyBorder="1" applyAlignment="1">
      <alignment horizontal="center" vertical="center" wrapText="1"/>
    </xf>
    <xf numFmtId="49" fontId="2" fillId="0" borderId="26" xfId="0" applyNumberFormat="1" applyFont="1" applyBorder="1" applyAlignment="1">
      <alignment horizontal="right" vertical="center"/>
    </xf>
    <xf numFmtId="49" fontId="2" fillId="0" borderId="6" xfId="0" applyNumberFormat="1" applyFont="1" applyBorder="1" applyAlignment="1">
      <alignment horizontal="right" vertical="center"/>
    </xf>
    <xf numFmtId="49" fontId="2" fillId="0" borderId="13" xfId="0" applyNumberFormat="1" applyFont="1" applyBorder="1" applyAlignment="1">
      <alignment horizontal="right" vertical="center"/>
    </xf>
    <xf numFmtId="0" fontId="2" fillId="0" borderId="0" xfId="0" applyFont="1" applyAlignment="1">
      <alignment horizontal="center" vertical="center" wrapText="1"/>
    </xf>
    <xf numFmtId="0" fontId="2" fillId="0" borderId="0" xfId="0" applyFont="1" applyBorder="1" applyAlignment="1">
      <alignment horizontal="left"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0" fontId="2" fillId="7" borderId="0" xfId="0" applyFont="1" applyFill="1" applyAlignment="1">
      <alignment horizontal="left" vertical="center" wrapText="1"/>
    </xf>
    <xf numFmtId="0" fontId="2" fillId="0" borderId="27" xfId="0" applyNumberFormat="1" applyFont="1" applyBorder="1" applyAlignment="1">
      <alignment horizontal="left" vertical="top" wrapText="1"/>
    </xf>
    <xf numFmtId="49" fontId="2" fillId="0" borderId="19" xfId="0" applyNumberFormat="1" applyFont="1" applyFill="1" applyBorder="1" applyAlignment="1">
      <alignment horizontal="center" vertical="center" wrapText="1"/>
    </xf>
    <xf numFmtId="0" fontId="3" fillId="0" borderId="0" xfId="0" applyFont="1" applyBorder="1" applyAlignment="1">
      <alignment horizontal="center" vertical="center" wrapText="1"/>
    </xf>
    <xf numFmtId="0" fontId="4" fillId="0" borderId="44" xfId="0" applyFont="1" applyFill="1" applyBorder="1" applyAlignment="1">
      <alignment vertical="center" wrapText="1"/>
    </xf>
    <xf numFmtId="49" fontId="2" fillId="0" borderId="45" xfId="0" applyNumberFormat="1" applyFont="1" applyFill="1" applyBorder="1" applyAlignment="1">
      <alignment horizontal="center" vertical="center" wrapText="1"/>
    </xf>
    <xf numFmtId="0" fontId="4" fillId="0" borderId="3" xfId="0" applyFont="1" applyFill="1" applyBorder="1" applyAlignment="1">
      <alignment vertical="center" wrapText="1"/>
    </xf>
    <xf numFmtId="0" fontId="4" fillId="0" borderId="46" xfId="0" applyFont="1" applyFill="1" applyBorder="1" applyAlignment="1">
      <alignment vertical="center" wrapText="1"/>
    </xf>
    <xf numFmtId="49" fontId="2" fillId="0" borderId="47" xfId="0" applyNumberFormat="1" applyFont="1" applyFill="1" applyBorder="1" applyAlignment="1">
      <alignment horizontal="right" vertical="center" wrapText="1"/>
    </xf>
    <xf numFmtId="0" fontId="4" fillId="7" borderId="48" xfId="0" applyFont="1" applyFill="1" applyBorder="1" applyAlignment="1">
      <alignment vertical="center" wrapText="1"/>
    </xf>
    <xf numFmtId="0" fontId="4" fillId="0" borderId="48" xfId="0" applyFont="1" applyFill="1" applyBorder="1" applyAlignment="1">
      <alignment vertical="center" wrapText="1"/>
    </xf>
    <xf numFmtId="0" fontId="4" fillId="0" borderId="49" xfId="0" applyFont="1" applyFill="1" applyBorder="1" applyAlignment="1">
      <alignment vertical="center" wrapText="1"/>
    </xf>
    <xf numFmtId="0" fontId="4" fillId="0" borderId="24" xfId="0" applyFont="1" applyFill="1" applyBorder="1" applyAlignment="1" applyProtection="1">
      <alignment vertical="center" wrapText="1"/>
      <protection locked="0"/>
    </xf>
    <xf numFmtId="0" fontId="4" fillId="7" borderId="3" xfId="0" applyFont="1" applyFill="1" applyBorder="1" applyAlignment="1">
      <alignment vertical="center" wrapText="1"/>
    </xf>
    <xf numFmtId="0" fontId="4" fillId="0" borderId="3" xfId="0" applyFont="1" applyFill="1" applyBorder="1" applyAlignment="1" applyProtection="1">
      <alignment vertical="center" wrapText="1"/>
      <protection locked="0"/>
    </xf>
    <xf numFmtId="3" fontId="3" fillId="7" borderId="23" xfId="0" applyNumberFormat="1" applyFont="1" applyFill="1" applyBorder="1" applyAlignment="1">
      <alignment horizontal="center" vertical="center" wrapText="1"/>
    </xf>
    <xf numFmtId="3" fontId="9" fillId="0" borderId="23" xfId="0" applyNumberFormat="1" applyFont="1" applyFill="1" applyBorder="1" applyAlignment="1">
      <alignment horizontal="center" vertical="center" wrapText="1"/>
    </xf>
    <xf numFmtId="0" fontId="9" fillId="0" borderId="0" xfId="2" applyFont="1" applyBorder="1" applyAlignment="1">
      <alignment horizontal="left" vertical="center"/>
    </xf>
    <xf numFmtId="0" fontId="9" fillId="7" borderId="8" xfId="0" applyNumberFormat="1" applyFont="1" applyFill="1" applyBorder="1" applyAlignment="1">
      <alignment horizontal="left" vertical="center" wrapText="1"/>
    </xf>
    <xf numFmtId="0" fontId="4" fillId="0" borderId="0" xfId="2" applyFont="1" applyBorder="1" applyAlignment="1">
      <alignment horizontal="left" vertical="center" wrapText="1"/>
    </xf>
    <xf numFmtId="0" fontId="3" fillId="3" borderId="22"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23" xfId="0" applyFont="1" applyFill="1" applyBorder="1" applyAlignment="1">
      <alignment horizontal="left" vertical="center" wrapText="1"/>
    </xf>
    <xf numFmtId="49" fontId="12" fillId="5" borderId="42" xfId="0" applyNumberFormat="1" applyFont="1" applyFill="1" applyBorder="1" applyAlignment="1">
      <alignment horizontal="left" vertical="center" wrapText="1"/>
    </xf>
    <xf numFmtId="49" fontId="12" fillId="5" borderId="35" xfId="0" applyNumberFormat="1" applyFont="1" applyFill="1" applyBorder="1" applyAlignment="1">
      <alignment horizontal="left" vertical="center" wrapText="1"/>
    </xf>
    <xf numFmtId="49" fontId="12" fillId="5" borderId="43" xfId="0" applyNumberFormat="1" applyFont="1" applyFill="1" applyBorder="1" applyAlignment="1">
      <alignment horizontal="left" vertical="center" wrapText="1"/>
    </xf>
    <xf numFmtId="0" fontId="2" fillId="0" borderId="42" xfId="0" applyNumberFormat="1" applyFont="1" applyBorder="1" applyAlignment="1">
      <alignment horizontal="left" vertical="top" wrapText="1"/>
    </xf>
    <xf numFmtId="0" fontId="2" fillId="0" borderId="4" xfId="0" applyNumberFormat="1" applyFont="1" applyBorder="1" applyAlignment="1">
      <alignment horizontal="left" vertical="top" wrapText="1"/>
    </xf>
    <xf numFmtId="49" fontId="5" fillId="8" borderId="33" xfId="0" applyNumberFormat="1" applyFont="1" applyFill="1" applyBorder="1" applyAlignment="1">
      <alignment horizontal="left" vertical="center" wrapText="1"/>
    </xf>
    <xf numFmtId="49" fontId="5" fillId="8" borderId="21" xfId="0" applyNumberFormat="1" applyFont="1" applyFill="1" applyBorder="1" applyAlignment="1">
      <alignment horizontal="left" vertical="center" wrapText="1"/>
    </xf>
    <xf numFmtId="49" fontId="5" fillId="8" borderId="34" xfId="0" applyNumberFormat="1" applyFont="1" applyFill="1" applyBorder="1" applyAlignment="1">
      <alignment horizontal="left" vertical="center" wrapText="1"/>
    </xf>
    <xf numFmtId="0" fontId="2" fillId="0" borderId="42" xfId="0" applyNumberFormat="1" applyFont="1" applyBorder="1" applyAlignment="1">
      <alignment horizontal="left" vertical="center" wrapText="1"/>
    </xf>
    <xf numFmtId="0" fontId="2" fillId="0" borderId="4" xfId="0" applyNumberFormat="1" applyFont="1" applyBorder="1" applyAlignment="1">
      <alignment horizontal="left"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0" fontId="3" fillId="2" borderId="9"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7"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7" borderId="0" xfId="0" applyFont="1" applyFill="1" applyBorder="1" applyAlignment="1">
      <alignment horizontal="left" vertical="center" wrapText="1"/>
    </xf>
    <xf numFmtId="0" fontId="2" fillId="7" borderId="0" xfId="0" applyFont="1" applyFill="1" applyAlignment="1">
      <alignment horizontal="left" vertical="center" wrapText="1"/>
    </xf>
    <xf numFmtId="0" fontId="7" fillId="0" borderId="0" xfId="0" applyFont="1" applyFill="1" applyAlignment="1">
      <alignment horizontal="left" vertical="center" wrapText="1"/>
    </xf>
    <xf numFmtId="0" fontId="2" fillId="0" borderId="0" xfId="0" applyFont="1" applyBorder="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2" fillId="7" borderId="0" xfId="0" applyFont="1" applyFill="1" applyAlignment="1">
      <alignment horizontal="left" vertical="center"/>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39" xfId="0" applyNumberFormat="1" applyFont="1" applyFill="1" applyBorder="1" applyAlignment="1">
      <alignment horizontal="left" vertical="top" wrapText="1"/>
    </xf>
    <xf numFmtId="49" fontId="3" fillId="2" borderId="33" xfId="0" applyNumberFormat="1" applyFont="1" applyFill="1" applyBorder="1" applyAlignment="1">
      <alignment horizontal="left" vertical="top" wrapText="1"/>
    </xf>
    <xf numFmtId="49" fontId="3" fillId="2" borderId="25" xfId="0" applyNumberFormat="1" applyFont="1" applyFill="1" applyBorder="1" applyAlignment="1">
      <alignment horizontal="left" vertical="top" wrapText="1"/>
    </xf>
    <xf numFmtId="49" fontId="12" fillId="7" borderId="42" xfId="0" applyNumberFormat="1" applyFont="1" applyFill="1" applyBorder="1" applyAlignment="1">
      <alignment horizontal="left" vertical="center" wrapText="1"/>
    </xf>
    <xf numFmtId="49" fontId="12" fillId="7" borderId="35" xfId="0" applyNumberFormat="1" applyFont="1" applyFill="1" applyBorder="1" applyAlignment="1">
      <alignment horizontal="left" vertical="center" wrapText="1"/>
    </xf>
    <xf numFmtId="49" fontId="12" fillId="7" borderId="43" xfId="0" applyNumberFormat="1"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9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6</xdr:row>
          <xdr:rowOff>0</xdr:rowOff>
        </xdr:from>
        <xdr:to>
          <xdr:col>1</xdr:col>
          <xdr:colOff>28575</xdr:colOff>
          <xdr:row>26</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7</xdr:row>
          <xdr:rowOff>9525</xdr:rowOff>
        </xdr:from>
        <xdr:to>
          <xdr:col>1</xdr:col>
          <xdr:colOff>28575</xdr:colOff>
          <xdr:row>27</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112</xdr:row>
          <xdr:rowOff>9525</xdr:rowOff>
        </xdr:from>
        <xdr:to>
          <xdr:col>1</xdr:col>
          <xdr:colOff>28575</xdr:colOff>
          <xdr:row>11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113</xdr:row>
          <xdr:rowOff>0</xdr:rowOff>
        </xdr:from>
        <xdr:to>
          <xdr:col>1</xdr:col>
          <xdr:colOff>28575</xdr:colOff>
          <xdr:row>11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5"/>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314"/>
  <sheetViews>
    <sheetView showGridLines="0" tabSelected="1" topLeftCell="A73" zoomScale="80" zoomScaleNormal="80" workbookViewId="0">
      <selection activeCell="B89" sqref="B89"/>
    </sheetView>
  </sheetViews>
  <sheetFormatPr defaultRowHeight="12.75" x14ac:dyDescent="0.2"/>
  <cols>
    <col min="1" max="1" width="12.8554687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74" t="s">
        <v>292</v>
      </c>
      <c r="B1" s="174"/>
      <c r="C1" s="174"/>
      <c r="D1" s="174"/>
      <c r="E1" s="174"/>
    </row>
    <row r="2" spans="1:5" ht="27.75" customHeight="1" x14ac:dyDescent="0.2">
      <c r="A2" s="175" t="s">
        <v>38</v>
      </c>
      <c r="B2" s="175"/>
      <c r="C2" s="175"/>
      <c r="D2" s="175"/>
      <c r="E2" s="175"/>
    </row>
    <row r="3" spans="1:5" ht="54.75" customHeight="1" x14ac:dyDescent="0.2">
      <c r="A3" s="176" t="s">
        <v>42</v>
      </c>
      <c r="B3" s="176"/>
      <c r="C3" s="176"/>
      <c r="D3" s="176"/>
      <c r="E3" s="176"/>
    </row>
    <row r="4" spans="1:5" ht="24.95" customHeight="1" x14ac:dyDescent="0.2">
      <c r="A4" s="119" t="s">
        <v>41</v>
      </c>
      <c r="B4" s="29"/>
      <c r="C4" s="26"/>
      <c r="D4" s="26"/>
    </row>
    <row r="5" spans="1:5" ht="24.95" customHeight="1" x14ac:dyDescent="0.2">
      <c r="A5" s="119" t="s">
        <v>39</v>
      </c>
      <c r="B5" s="30"/>
      <c r="C5" s="26"/>
      <c r="D5" s="26"/>
    </row>
    <row r="6" spans="1:5" ht="5.0999999999999996" customHeight="1" x14ac:dyDescent="0.2">
      <c r="A6" s="26"/>
      <c r="B6" s="26"/>
      <c r="C6" s="26"/>
      <c r="D6" s="26"/>
    </row>
    <row r="7" spans="1:5" s="2" customFormat="1" ht="20.100000000000001" customHeight="1" x14ac:dyDescent="0.25">
      <c r="A7" s="162" t="s">
        <v>4</v>
      </c>
      <c r="B7" s="162"/>
      <c r="C7" s="162"/>
      <c r="D7" s="162"/>
      <c r="E7" s="162"/>
    </row>
    <row r="8" spans="1:5" s="2" customFormat="1" ht="20.100000000000001" customHeight="1" x14ac:dyDescent="0.25">
      <c r="A8" s="178" t="s">
        <v>7</v>
      </c>
      <c r="B8" s="178"/>
      <c r="C8" s="178"/>
      <c r="D8" s="178"/>
    </row>
    <row r="9" spans="1:5" ht="24.95" customHeight="1" x14ac:dyDescent="0.2">
      <c r="A9" s="167" t="s">
        <v>95</v>
      </c>
      <c r="B9" s="167"/>
      <c r="C9" s="167"/>
      <c r="D9" s="167"/>
    </row>
    <row r="10" spans="1:5" ht="4.5" customHeight="1" x14ac:dyDescent="0.2">
      <c r="A10" s="103"/>
      <c r="B10" s="27"/>
      <c r="C10" s="27"/>
      <c r="D10" s="27"/>
    </row>
    <row r="11" spans="1:5" s="2" customFormat="1" ht="20.100000000000001" customHeight="1" x14ac:dyDescent="0.25">
      <c r="A11" s="179" t="s">
        <v>8</v>
      </c>
      <c r="B11" s="179"/>
      <c r="C11" s="179"/>
      <c r="D11" s="179"/>
    </row>
    <row r="12" spans="1:5" s="2" customFormat="1" ht="20.100000000000001" customHeight="1" x14ac:dyDescent="0.25">
      <c r="A12" s="180" t="s">
        <v>225</v>
      </c>
      <c r="B12" s="180"/>
      <c r="C12" s="180"/>
      <c r="D12" s="32"/>
    </row>
    <row r="13" spans="1:5" s="2" customFormat="1" ht="20.100000000000001" customHeight="1" x14ac:dyDescent="0.25">
      <c r="A13" s="180" t="s">
        <v>226</v>
      </c>
      <c r="B13" s="180"/>
      <c r="C13" s="97"/>
      <c r="D13" s="64"/>
    </row>
    <row r="14" spans="1:5" s="2" customFormat="1" ht="20.100000000000001" customHeight="1" x14ac:dyDescent="0.25">
      <c r="A14" s="180" t="s">
        <v>227</v>
      </c>
      <c r="B14" s="180"/>
      <c r="C14" s="97"/>
      <c r="D14" s="64"/>
    </row>
    <row r="15" spans="1:5" s="2" customFormat="1" ht="20.100000000000001" customHeight="1" x14ac:dyDescent="0.25">
      <c r="A15" s="181" t="s">
        <v>228</v>
      </c>
      <c r="B15" s="181"/>
      <c r="C15" s="97"/>
      <c r="D15" s="67"/>
    </row>
    <row r="16" spans="1:5" s="3" customFormat="1" ht="20.100000000000001" customHeight="1" x14ac:dyDescent="0.25">
      <c r="A16" s="177" t="s">
        <v>51</v>
      </c>
      <c r="B16" s="177"/>
      <c r="C16" s="177"/>
      <c r="D16" s="13"/>
    </row>
    <row r="17" spans="1:5" ht="4.5" customHeight="1" x14ac:dyDescent="0.2">
      <c r="A17" s="104"/>
      <c r="B17" s="33"/>
      <c r="C17" s="33"/>
      <c r="D17" s="27"/>
    </row>
    <row r="18" spans="1:5" ht="20.100000000000001" customHeight="1" x14ac:dyDescent="0.2">
      <c r="A18" s="116" t="s">
        <v>9</v>
      </c>
      <c r="B18" s="14"/>
      <c r="C18" s="14"/>
      <c r="D18" s="15"/>
    </row>
    <row r="19" spans="1:5" s="3" customFormat="1" ht="24.95" customHeight="1" x14ac:dyDescent="0.25">
      <c r="A19" s="163" t="s">
        <v>65</v>
      </c>
      <c r="B19" s="163"/>
      <c r="C19" s="163"/>
      <c r="D19" s="13"/>
    </row>
    <row r="20" spans="1:5" ht="5.0999999999999996" customHeight="1" x14ac:dyDescent="0.2">
      <c r="A20" s="169"/>
      <c r="B20" s="169"/>
      <c r="C20" s="169"/>
    </row>
    <row r="21" spans="1:5" s="2" customFormat="1" ht="20.100000000000001" customHeight="1" x14ac:dyDescent="0.25">
      <c r="A21" s="162" t="s">
        <v>16</v>
      </c>
      <c r="B21" s="162"/>
      <c r="C21" s="162"/>
      <c r="D21" s="162"/>
      <c r="E21" s="162"/>
    </row>
    <row r="22" spans="1:5" s="93" customFormat="1" ht="42.75" customHeight="1" x14ac:dyDescent="0.2">
      <c r="A22" s="167" t="s">
        <v>96</v>
      </c>
      <c r="B22" s="167"/>
      <c r="C22" s="167"/>
      <c r="D22" s="167"/>
      <c r="E22" s="167"/>
    </row>
    <row r="23" spans="1:5" ht="5.0999999999999996" customHeight="1" x14ac:dyDescent="0.2">
      <c r="A23" s="169"/>
      <c r="B23" s="169"/>
      <c r="C23" s="169"/>
    </row>
    <row r="24" spans="1:5" s="2" customFormat="1" ht="20.100000000000001" customHeight="1" x14ac:dyDescent="0.25">
      <c r="A24" s="162" t="s">
        <v>17</v>
      </c>
      <c r="B24" s="162"/>
      <c r="C24" s="162"/>
      <c r="D24" s="162"/>
      <c r="E24" s="162"/>
    </row>
    <row r="25" spans="1:5" s="9" customFormat="1" ht="20.100000000000001" customHeight="1" x14ac:dyDescent="0.25">
      <c r="A25" s="168" t="s">
        <v>5</v>
      </c>
      <c r="B25" s="168"/>
      <c r="C25" s="168"/>
      <c r="D25" s="168"/>
    </row>
    <row r="26" spans="1:5" s="9" customFormat="1" ht="20.100000000000001" customHeight="1" x14ac:dyDescent="0.25">
      <c r="A26" s="164" t="s">
        <v>13</v>
      </c>
      <c r="B26" s="172"/>
      <c r="C26" s="12"/>
      <c r="D26" s="12"/>
    </row>
    <row r="27" spans="1:5" s="92" customFormat="1" ht="20.100000000000001" customHeight="1" x14ac:dyDescent="0.25">
      <c r="A27" s="105"/>
      <c r="B27" s="129" t="s">
        <v>212</v>
      </c>
      <c r="C27" s="94"/>
      <c r="D27" s="94"/>
    </row>
    <row r="28" spans="1:5" s="9" customFormat="1" ht="20.100000000000001" customHeight="1" x14ac:dyDescent="0.25">
      <c r="A28" s="26"/>
      <c r="B28" s="11" t="s">
        <v>15</v>
      </c>
      <c r="C28" s="12"/>
      <c r="D28" s="12"/>
    </row>
    <row r="29" spans="1:5" s="9" customFormat="1" ht="20.100000000000001" customHeight="1" x14ac:dyDescent="0.25">
      <c r="A29" s="164" t="s">
        <v>49</v>
      </c>
      <c r="B29" s="172"/>
      <c r="C29" s="12"/>
      <c r="D29" s="12"/>
    </row>
    <row r="30" spans="1:5" s="92" customFormat="1" ht="33.75" customHeight="1" x14ac:dyDescent="0.25">
      <c r="A30" s="171" t="s">
        <v>213</v>
      </c>
      <c r="B30" s="171"/>
      <c r="C30" s="171"/>
      <c r="D30" s="171"/>
      <c r="E30" s="171"/>
    </row>
    <row r="31" spans="1:5" s="49" customFormat="1" ht="31.5" customHeight="1" x14ac:dyDescent="0.25">
      <c r="A31" s="74" t="s">
        <v>56</v>
      </c>
      <c r="B31" s="72" t="s">
        <v>57</v>
      </c>
      <c r="C31" s="73"/>
      <c r="D31" s="74" t="s">
        <v>64</v>
      </c>
      <c r="E31" s="74" t="s">
        <v>214</v>
      </c>
    </row>
    <row r="32" spans="1:5" s="49" customFormat="1" ht="27" customHeight="1" x14ac:dyDescent="0.25">
      <c r="A32" s="149" t="s">
        <v>215</v>
      </c>
      <c r="B32" s="150"/>
      <c r="C32" s="150"/>
      <c r="D32" s="150"/>
      <c r="E32" s="151"/>
    </row>
    <row r="33" spans="1:5" s="50" customFormat="1" ht="27" customHeight="1" x14ac:dyDescent="0.25">
      <c r="A33" s="106" t="s">
        <v>58</v>
      </c>
      <c r="B33" s="170" t="s">
        <v>229</v>
      </c>
      <c r="C33" s="170"/>
      <c r="D33" s="54" t="s">
        <v>1</v>
      </c>
      <c r="E33" s="70">
        <v>300</v>
      </c>
    </row>
    <row r="34" spans="1:5" s="2" customFormat="1" ht="21" customHeight="1" x14ac:dyDescent="0.25">
      <c r="A34" s="107" t="s">
        <v>60</v>
      </c>
      <c r="B34" s="56"/>
      <c r="C34" s="56"/>
      <c r="D34" s="54"/>
      <c r="E34" s="71">
        <v>300</v>
      </c>
    </row>
    <row r="35" spans="1:5" s="49" customFormat="1" ht="27" customHeight="1" x14ac:dyDescent="0.25">
      <c r="A35" s="149" t="s">
        <v>99</v>
      </c>
      <c r="B35" s="150"/>
      <c r="C35" s="150"/>
      <c r="D35" s="150"/>
      <c r="E35" s="151"/>
    </row>
    <row r="36" spans="1:5" s="50" customFormat="1" ht="27" customHeight="1" x14ac:dyDescent="0.25">
      <c r="A36" s="106" t="s">
        <v>58</v>
      </c>
      <c r="B36" s="173" t="s">
        <v>230</v>
      </c>
      <c r="C36" s="173"/>
      <c r="D36" s="51" t="s">
        <v>1</v>
      </c>
      <c r="E36" s="55">
        <v>871</v>
      </c>
    </row>
    <row r="37" spans="1:5" s="2" customFormat="1" ht="21" customHeight="1" x14ac:dyDescent="0.25">
      <c r="A37" s="107" t="s">
        <v>60</v>
      </c>
      <c r="B37" s="56"/>
      <c r="C37" s="56"/>
      <c r="D37" s="61"/>
      <c r="E37" s="57">
        <v>871</v>
      </c>
    </row>
    <row r="38" spans="1:5" s="49" customFormat="1" ht="27" customHeight="1" x14ac:dyDescent="0.25">
      <c r="A38" s="149" t="s">
        <v>103</v>
      </c>
      <c r="B38" s="150"/>
      <c r="C38" s="150"/>
      <c r="D38" s="150"/>
      <c r="E38" s="151"/>
    </row>
    <row r="39" spans="1:5" s="83" customFormat="1" ht="27" customHeight="1" x14ac:dyDescent="0.25">
      <c r="A39" s="106" t="s">
        <v>58</v>
      </c>
      <c r="B39" s="173" t="s">
        <v>231</v>
      </c>
      <c r="C39" s="173"/>
      <c r="D39" s="54" t="s">
        <v>1</v>
      </c>
      <c r="E39" s="70">
        <v>3003</v>
      </c>
    </row>
    <row r="40" spans="1:5" s="83" customFormat="1" ht="27" customHeight="1" x14ac:dyDescent="0.25">
      <c r="A40" s="106" t="s">
        <v>59</v>
      </c>
      <c r="B40" s="126" t="s">
        <v>216</v>
      </c>
      <c r="C40" s="126"/>
      <c r="D40" s="54" t="s">
        <v>1</v>
      </c>
      <c r="E40" s="70">
        <v>408</v>
      </c>
    </row>
    <row r="41" spans="1:5" s="83" customFormat="1" ht="27" customHeight="1" x14ac:dyDescent="0.25">
      <c r="A41" s="106" t="s">
        <v>66</v>
      </c>
      <c r="B41" s="126" t="s">
        <v>217</v>
      </c>
      <c r="C41" s="126"/>
      <c r="D41" s="54" t="s">
        <v>1</v>
      </c>
      <c r="E41" s="70">
        <v>1479</v>
      </c>
    </row>
    <row r="42" spans="1:5" s="2" customFormat="1" ht="20.25" customHeight="1" x14ac:dyDescent="0.25">
      <c r="A42" s="107" t="s">
        <v>60</v>
      </c>
      <c r="B42" s="56"/>
      <c r="C42" s="56"/>
      <c r="D42" s="54"/>
      <c r="E42" s="71">
        <f>SUM(E39:E41)</f>
        <v>4890</v>
      </c>
    </row>
    <row r="43" spans="1:5" s="59" customFormat="1" ht="28.5" customHeight="1" x14ac:dyDescent="0.25">
      <c r="A43" s="149" t="s">
        <v>218</v>
      </c>
      <c r="B43" s="150"/>
      <c r="C43" s="150"/>
      <c r="D43" s="150"/>
      <c r="E43" s="151"/>
    </row>
    <row r="44" spans="1:5" s="125" customFormat="1" ht="27" customHeight="1" x14ac:dyDescent="0.25">
      <c r="A44" s="106" t="s">
        <v>58</v>
      </c>
      <c r="B44" s="126" t="s">
        <v>232</v>
      </c>
      <c r="C44" s="126"/>
      <c r="D44" s="54" t="s">
        <v>1</v>
      </c>
      <c r="E44" s="55">
        <v>567</v>
      </c>
    </row>
    <row r="45" spans="1:5" s="125" customFormat="1" ht="27" customHeight="1" x14ac:dyDescent="0.25">
      <c r="A45" s="106" t="s">
        <v>59</v>
      </c>
      <c r="B45" s="126" t="s">
        <v>233</v>
      </c>
      <c r="C45" s="126"/>
      <c r="D45" s="54" t="s">
        <v>1</v>
      </c>
      <c r="E45" s="55">
        <v>186</v>
      </c>
    </row>
    <row r="46" spans="1:5" s="125" customFormat="1" ht="27" customHeight="1" x14ac:dyDescent="0.25">
      <c r="A46" s="106" t="s">
        <v>66</v>
      </c>
      <c r="B46" s="126" t="s">
        <v>234</v>
      </c>
      <c r="C46" s="126"/>
      <c r="D46" s="54" t="s">
        <v>1</v>
      </c>
      <c r="E46" s="55">
        <v>36</v>
      </c>
    </row>
    <row r="47" spans="1:5" s="125" customFormat="1" ht="27" customHeight="1" x14ac:dyDescent="0.25">
      <c r="A47" s="106" t="s">
        <v>67</v>
      </c>
      <c r="B47" s="126" t="s">
        <v>235</v>
      </c>
      <c r="C47" s="126"/>
      <c r="D47" s="54" t="s">
        <v>1</v>
      </c>
      <c r="E47" s="55">
        <v>1542</v>
      </c>
    </row>
    <row r="48" spans="1:5" s="125" customFormat="1" ht="27" customHeight="1" x14ac:dyDescent="0.25">
      <c r="A48" s="106" t="s">
        <v>68</v>
      </c>
      <c r="B48" s="126" t="s">
        <v>236</v>
      </c>
      <c r="C48" s="126"/>
      <c r="D48" s="54" t="s">
        <v>1</v>
      </c>
      <c r="E48" s="55">
        <v>43</v>
      </c>
    </row>
    <row r="49" spans="1:5" s="125" customFormat="1" ht="27" customHeight="1" x14ac:dyDescent="0.25">
      <c r="A49" s="106" t="s">
        <v>69</v>
      </c>
      <c r="B49" s="126" t="s">
        <v>237</v>
      </c>
      <c r="C49" s="126"/>
      <c r="D49" s="54" t="s">
        <v>1</v>
      </c>
      <c r="E49" s="55">
        <v>810</v>
      </c>
    </row>
    <row r="50" spans="1:5" s="125" customFormat="1" ht="27" customHeight="1" x14ac:dyDescent="0.25">
      <c r="A50" s="106" t="s">
        <v>70</v>
      </c>
      <c r="B50" s="126" t="s">
        <v>238</v>
      </c>
      <c r="C50" s="126"/>
      <c r="D50" s="54" t="s">
        <v>1</v>
      </c>
      <c r="E50" s="55">
        <v>25</v>
      </c>
    </row>
    <row r="51" spans="1:5" s="125" customFormat="1" ht="27" customHeight="1" x14ac:dyDescent="0.25">
      <c r="A51" s="106" t="s">
        <v>71</v>
      </c>
      <c r="B51" s="126" t="s">
        <v>239</v>
      </c>
      <c r="C51" s="126"/>
      <c r="D51" s="54" t="s">
        <v>1</v>
      </c>
      <c r="E51" s="55">
        <v>693</v>
      </c>
    </row>
    <row r="52" spans="1:5" s="2" customFormat="1" ht="20.25" customHeight="1" x14ac:dyDescent="0.25">
      <c r="A52" s="107" t="s">
        <v>60</v>
      </c>
      <c r="B52" s="56"/>
      <c r="C52" s="56"/>
      <c r="D52" s="61"/>
      <c r="E52" s="144">
        <f>SUM(E44:E51)</f>
        <v>3902</v>
      </c>
    </row>
    <row r="53" spans="1:5" s="49" customFormat="1" ht="47.25" customHeight="1" x14ac:dyDescent="0.25">
      <c r="A53" s="149" t="s">
        <v>219</v>
      </c>
      <c r="B53" s="150"/>
      <c r="C53" s="150"/>
      <c r="D53" s="150"/>
      <c r="E53" s="151"/>
    </row>
    <row r="54" spans="1:5" s="2" customFormat="1" ht="27" customHeight="1" x14ac:dyDescent="0.25">
      <c r="A54" s="106" t="s">
        <v>58</v>
      </c>
      <c r="B54" s="84" t="s">
        <v>220</v>
      </c>
      <c r="C54" s="126"/>
      <c r="D54" s="51" t="s">
        <v>1</v>
      </c>
      <c r="E54" s="53">
        <v>15</v>
      </c>
    </row>
    <row r="55" spans="1:5" s="2" customFormat="1" ht="27" customHeight="1" x14ac:dyDescent="0.25">
      <c r="A55" s="107" t="s">
        <v>60</v>
      </c>
      <c r="B55" s="126"/>
      <c r="C55" s="126"/>
      <c r="D55" s="51"/>
      <c r="E55" s="98">
        <v>15</v>
      </c>
    </row>
    <row r="56" spans="1:5" s="83" customFormat="1" ht="41.25" customHeight="1" x14ac:dyDescent="0.25">
      <c r="A56" s="149" t="s">
        <v>130</v>
      </c>
      <c r="B56" s="150"/>
      <c r="C56" s="150"/>
      <c r="D56" s="150"/>
      <c r="E56" s="151"/>
    </row>
    <row r="57" spans="1:5" s="2" customFormat="1" ht="27" customHeight="1" x14ac:dyDescent="0.25">
      <c r="A57" s="106" t="s">
        <v>58</v>
      </c>
      <c r="B57" s="84" t="s">
        <v>240</v>
      </c>
      <c r="C57" s="126"/>
      <c r="D57" s="51" t="s">
        <v>1</v>
      </c>
      <c r="E57" s="53">
        <v>15</v>
      </c>
    </row>
    <row r="58" spans="1:5" s="2" customFormat="1" ht="26.25" customHeight="1" x14ac:dyDescent="0.25">
      <c r="A58" s="107" t="s">
        <v>60</v>
      </c>
      <c r="B58" s="126"/>
      <c r="C58" s="126"/>
      <c r="D58" s="51"/>
      <c r="E58" s="98">
        <v>15</v>
      </c>
    </row>
    <row r="59" spans="1:5" s="83" customFormat="1" ht="27" customHeight="1" x14ac:dyDescent="0.25">
      <c r="A59" s="149" t="s">
        <v>134</v>
      </c>
      <c r="B59" s="150"/>
      <c r="C59" s="150"/>
      <c r="D59" s="150"/>
      <c r="E59" s="151"/>
    </row>
    <row r="60" spans="1:5" s="2" customFormat="1" ht="27" customHeight="1" x14ac:dyDescent="0.25">
      <c r="A60" s="106" t="s">
        <v>58</v>
      </c>
      <c r="B60" s="84" t="s">
        <v>241</v>
      </c>
      <c r="C60" s="126"/>
      <c r="D60" s="51" t="s">
        <v>1</v>
      </c>
      <c r="E60" s="53">
        <v>23</v>
      </c>
    </row>
    <row r="61" spans="1:5" s="2" customFormat="1" ht="27" customHeight="1" x14ac:dyDescent="0.25">
      <c r="A61" s="106" t="s">
        <v>59</v>
      </c>
      <c r="B61" s="85" t="s">
        <v>242</v>
      </c>
      <c r="C61" s="126"/>
      <c r="D61" s="51" t="s">
        <v>1</v>
      </c>
      <c r="E61" s="53">
        <v>642</v>
      </c>
    </row>
    <row r="62" spans="1:5" s="2" customFormat="1" ht="27" customHeight="1" x14ac:dyDescent="0.25">
      <c r="A62" s="106" t="s">
        <v>66</v>
      </c>
      <c r="B62" s="86" t="s">
        <v>243</v>
      </c>
      <c r="C62" s="126"/>
      <c r="D62" s="51" t="s">
        <v>1</v>
      </c>
      <c r="E62" s="53">
        <v>62</v>
      </c>
    </row>
    <row r="63" spans="1:5" s="2" customFormat="1" ht="27" customHeight="1" x14ac:dyDescent="0.25">
      <c r="A63" s="106" t="s">
        <v>67</v>
      </c>
      <c r="B63" s="86" t="s">
        <v>244</v>
      </c>
      <c r="C63" s="126"/>
      <c r="D63" s="51" t="s">
        <v>1</v>
      </c>
      <c r="E63" s="53">
        <v>120</v>
      </c>
    </row>
    <row r="64" spans="1:5" s="2" customFormat="1" ht="27" customHeight="1" x14ac:dyDescent="0.25">
      <c r="A64" s="106" t="s">
        <v>68</v>
      </c>
      <c r="B64" s="84" t="s">
        <v>245</v>
      </c>
      <c r="C64" s="126"/>
      <c r="D64" s="51" t="s">
        <v>1</v>
      </c>
      <c r="E64" s="53">
        <v>115</v>
      </c>
    </row>
    <row r="65" spans="1:5" s="2" customFormat="1" ht="27" customHeight="1" x14ac:dyDescent="0.25">
      <c r="A65" s="106" t="s">
        <v>69</v>
      </c>
      <c r="B65" s="148" t="s">
        <v>246</v>
      </c>
      <c r="C65" s="148"/>
      <c r="D65" s="51" t="s">
        <v>1</v>
      </c>
      <c r="E65" s="53">
        <v>5</v>
      </c>
    </row>
    <row r="66" spans="1:5" s="2" customFormat="1" ht="27" customHeight="1" x14ac:dyDescent="0.25">
      <c r="A66" s="106" t="s">
        <v>70</v>
      </c>
      <c r="B66" s="87" t="s">
        <v>247</v>
      </c>
      <c r="C66" s="126"/>
      <c r="D66" s="51" t="s">
        <v>1</v>
      </c>
      <c r="E66" s="53">
        <v>15</v>
      </c>
    </row>
    <row r="67" spans="1:5" s="2" customFormat="1" ht="27" customHeight="1" x14ac:dyDescent="0.25">
      <c r="A67" s="106" t="s">
        <v>71</v>
      </c>
      <c r="B67" s="87" t="s">
        <v>248</v>
      </c>
      <c r="C67" s="126"/>
      <c r="D67" s="51" t="s">
        <v>1</v>
      </c>
      <c r="E67" s="53">
        <v>89</v>
      </c>
    </row>
    <row r="68" spans="1:5" s="2" customFormat="1" ht="27" customHeight="1" x14ac:dyDescent="0.25">
      <c r="A68" s="106" t="s">
        <v>72</v>
      </c>
      <c r="B68" s="84" t="s">
        <v>249</v>
      </c>
      <c r="C68" s="126"/>
      <c r="D68" s="51" t="s">
        <v>1</v>
      </c>
      <c r="E68" s="53">
        <v>108</v>
      </c>
    </row>
    <row r="69" spans="1:5" s="2" customFormat="1" ht="27" customHeight="1" x14ac:dyDescent="0.25">
      <c r="A69" s="106" t="s">
        <v>73</v>
      </c>
      <c r="B69" s="88" t="s">
        <v>250</v>
      </c>
      <c r="C69" s="126"/>
      <c r="D69" s="51" t="s">
        <v>1</v>
      </c>
      <c r="E69" s="53">
        <v>100</v>
      </c>
    </row>
    <row r="70" spans="1:5" s="2" customFormat="1" ht="27" customHeight="1" x14ac:dyDescent="0.25">
      <c r="A70" s="106" t="s">
        <v>74</v>
      </c>
      <c r="B70" s="88" t="s">
        <v>251</v>
      </c>
      <c r="C70" s="126"/>
      <c r="D70" s="51" t="s">
        <v>1</v>
      </c>
      <c r="E70" s="53">
        <v>696</v>
      </c>
    </row>
    <row r="71" spans="1:5" s="56" customFormat="1" ht="27.75" customHeight="1" x14ac:dyDescent="0.25">
      <c r="A71" s="107" t="s">
        <v>60</v>
      </c>
      <c r="B71" s="126"/>
      <c r="C71" s="126"/>
      <c r="D71" s="51"/>
      <c r="E71" s="98">
        <f>SUM(E60:E70)</f>
        <v>1975</v>
      </c>
    </row>
    <row r="72" spans="1:5" s="125" customFormat="1" ht="45.75" customHeight="1" x14ac:dyDescent="0.25">
      <c r="A72" s="149" t="s">
        <v>157</v>
      </c>
      <c r="B72" s="150"/>
      <c r="C72" s="150"/>
      <c r="D72" s="150"/>
      <c r="E72" s="151"/>
    </row>
    <row r="73" spans="1:5" s="2" customFormat="1" ht="27" customHeight="1" x14ac:dyDescent="0.25">
      <c r="A73" s="106" t="s">
        <v>58</v>
      </c>
      <c r="B73" s="84" t="s">
        <v>221</v>
      </c>
      <c r="C73" s="126"/>
      <c r="D73" s="51" t="s">
        <v>1</v>
      </c>
      <c r="E73" s="53">
        <v>72</v>
      </c>
    </row>
    <row r="74" spans="1:5" s="2" customFormat="1" ht="27" customHeight="1" x14ac:dyDescent="0.25">
      <c r="A74" s="106" t="s">
        <v>59</v>
      </c>
      <c r="B74" s="85" t="s">
        <v>222</v>
      </c>
      <c r="C74" s="126"/>
      <c r="D74" s="51" t="s">
        <v>1</v>
      </c>
      <c r="E74" s="53">
        <v>264</v>
      </c>
    </row>
    <row r="75" spans="1:5" s="2" customFormat="1" ht="27" customHeight="1" x14ac:dyDescent="0.25">
      <c r="A75" s="106" t="s">
        <v>66</v>
      </c>
      <c r="B75" s="86" t="s">
        <v>223</v>
      </c>
      <c r="C75" s="126"/>
      <c r="D75" s="51" t="s">
        <v>1</v>
      </c>
      <c r="E75" s="53">
        <v>60</v>
      </c>
    </row>
    <row r="76" spans="1:5" s="2" customFormat="1" ht="27" customHeight="1" x14ac:dyDescent="0.25">
      <c r="A76" s="106" t="s">
        <v>67</v>
      </c>
      <c r="B76" s="86" t="s">
        <v>224</v>
      </c>
      <c r="C76" s="126"/>
      <c r="D76" s="51" t="s">
        <v>1</v>
      </c>
      <c r="E76" s="53">
        <v>29</v>
      </c>
    </row>
    <row r="77" spans="1:5" s="56" customFormat="1" ht="27.75" customHeight="1" x14ac:dyDescent="0.25">
      <c r="A77" s="107" t="s">
        <v>60</v>
      </c>
      <c r="B77" s="126"/>
      <c r="C77" s="126"/>
      <c r="D77" s="51"/>
      <c r="E77" s="98">
        <f>SUM(E73:E76)</f>
        <v>425</v>
      </c>
    </row>
    <row r="78" spans="1:5" s="125" customFormat="1" ht="48" customHeight="1" x14ac:dyDescent="0.25">
      <c r="A78" s="149" t="s">
        <v>167</v>
      </c>
      <c r="B78" s="150"/>
      <c r="C78" s="150"/>
      <c r="D78" s="150"/>
      <c r="E78" s="151"/>
    </row>
    <row r="79" spans="1:5" s="2" customFormat="1" ht="27" customHeight="1" x14ac:dyDescent="0.25">
      <c r="A79" s="106" t="s">
        <v>58</v>
      </c>
      <c r="B79" s="84" t="s">
        <v>252</v>
      </c>
      <c r="C79" s="126"/>
      <c r="D79" s="51" t="s">
        <v>1</v>
      </c>
      <c r="E79" s="53">
        <v>12</v>
      </c>
    </row>
    <row r="80" spans="1:5" s="2" customFormat="1" ht="27" customHeight="1" x14ac:dyDescent="0.25">
      <c r="A80" s="106" t="s">
        <v>59</v>
      </c>
      <c r="B80" s="85" t="s">
        <v>253</v>
      </c>
      <c r="C80" s="126"/>
      <c r="D80" s="51" t="s">
        <v>1</v>
      </c>
      <c r="E80" s="53">
        <v>198</v>
      </c>
    </row>
    <row r="81" spans="1:5" s="2" customFormat="1" ht="27" customHeight="1" x14ac:dyDescent="0.25">
      <c r="A81" s="106" t="s">
        <v>66</v>
      </c>
      <c r="B81" s="86" t="s">
        <v>248</v>
      </c>
      <c r="C81" s="126"/>
      <c r="D81" s="51" t="s">
        <v>1</v>
      </c>
      <c r="E81" s="53">
        <v>18</v>
      </c>
    </row>
    <row r="82" spans="1:5" s="56" customFormat="1" ht="27.75" customHeight="1" x14ac:dyDescent="0.25">
      <c r="A82" s="107" t="s">
        <v>60</v>
      </c>
      <c r="B82" s="126"/>
      <c r="C82" s="126"/>
      <c r="D82" s="51"/>
      <c r="E82" s="98">
        <f>SUM(E79:E81)</f>
        <v>228</v>
      </c>
    </row>
    <row r="83" spans="1:5" s="125" customFormat="1" ht="27" customHeight="1" x14ac:dyDescent="0.25">
      <c r="A83" s="149" t="s">
        <v>175</v>
      </c>
      <c r="B83" s="150"/>
      <c r="C83" s="150"/>
      <c r="D83" s="150"/>
      <c r="E83" s="151"/>
    </row>
    <row r="84" spans="1:5" s="2" customFormat="1" ht="27" customHeight="1" x14ac:dyDescent="0.25">
      <c r="A84" s="106" t="s">
        <v>58</v>
      </c>
      <c r="B84" s="84" t="s">
        <v>254</v>
      </c>
      <c r="C84" s="126"/>
      <c r="D84" s="51" t="s">
        <v>1</v>
      </c>
      <c r="E84" s="53">
        <v>201</v>
      </c>
    </row>
    <row r="85" spans="1:5" s="56" customFormat="1" ht="27.75" customHeight="1" x14ac:dyDescent="0.25">
      <c r="A85" s="107" t="s">
        <v>60</v>
      </c>
      <c r="B85" s="126"/>
      <c r="C85" s="126"/>
      <c r="D85" s="51"/>
      <c r="E85" s="98">
        <v>201</v>
      </c>
    </row>
    <row r="86" spans="1:5" s="125" customFormat="1" ht="58.5" customHeight="1" x14ac:dyDescent="0.25">
      <c r="A86" s="149" t="s">
        <v>176</v>
      </c>
      <c r="B86" s="150"/>
      <c r="C86" s="150"/>
      <c r="D86" s="150"/>
      <c r="E86" s="151"/>
    </row>
    <row r="87" spans="1:5" s="2" customFormat="1" ht="27" customHeight="1" x14ac:dyDescent="0.25">
      <c r="A87" s="106" t="s">
        <v>58</v>
      </c>
      <c r="B87" s="84" t="s">
        <v>255</v>
      </c>
      <c r="C87" s="126"/>
      <c r="D87" s="51" t="s">
        <v>1</v>
      </c>
      <c r="E87" s="53">
        <v>210</v>
      </c>
    </row>
    <row r="88" spans="1:5" s="2" customFormat="1" ht="27" customHeight="1" x14ac:dyDescent="0.25">
      <c r="A88" s="106" t="s">
        <v>59</v>
      </c>
      <c r="B88" s="85" t="s">
        <v>256</v>
      </c>
      <c r="C88" s="126"/>
      <c r="D88" s="51" t="s">
        <v>1</v>
      </c>
      <c r="E88" s="145">
        <v>207</v>
      </c>
    </row>
    <row r="89" spans="1:5" s="2" customFormat="1" ht="27" customHeight="1" x14ac:dyDescent="0.25">
      <c r="A89" s="106" t="s">
        <v>66</v>
      </c>
      <c r="B89" s="146" t="s">
        <v>293</v>
      </c>
      <c r="C89" s="126"/>
      <c r="D89" s="51" t="s">
        <v>1</v>
      </c>
      <c r="E89" s="145">
        <v>210</v>
      </c>
    </row>
    <row r="90" spans="1:5" s="56" customFormat="1" ht="27.75" customHeight="1" x14ac:dyDescent="0.25">
      <c r="A90" s="107" t="s">
        <v>60</v>
      </c>
      <c r="B90" s="126"/>
      <c r="C90" s="126"/>
      <c r="D90" s="51"/>
      <c r="E90" s="98">
        <f>SUM(E87:E89)</f>
        <v>627</v>
      </c>
    </row>
    <row r="91" spans="1:5" s="125" customFormat="1" ht="57" customHeight="1" x14ac:dyDescent="0.25">
      <c r="A91" s="149" t="s">
        <v>181</v>
      </c>
      <c r="B91" s="150"/>
      <c r="C91" s="150"/>
      <c r="D91" s="150"/>
      <c r="E91" s="151"/>
    </row>
    <row r="92" spans="1:5" s="2" customFormat="1" ht="27" customHeight="1" x14ac:dyDescent="0.25">
      <c r="A92" s="106" t="s">
        <v>58</v>
      </c>
      <c r="B92" s="84" t="s">
        <v>257</v>
      </c>
      <c r="C92" s="126"/>
      <c r="D92" s="51" t="s">
        <v>1</v>
      </c>
      <c r="E92" s="53">
        <v>5</v>
      </c>
    </row>
    <row r="93" spans="1:5" s="56" customFormat="1" ht="27.75" customHeight="1" x14ac:dyDescent="0.25">
      <c r="A93" s="107" t="s">
        <v>60</v>
      </c>
      <c r="B93" s="126"/>
      <c r="C93" s="126"/>
      <c r="D93" s="51"/>
      <c r="E93" s="98">
        <v>5</v>
      </c>
    </row>
    <row r="94" spans="1:5" s="125" customFormat="1" ht="49.5" customHeight="1" x14ac:dyDescent="0.25">
      <c r="A94" s="149" t="s">
        <v>185</v>
      </c>
      <c r="B94" s="150"/>
      <c r="C94" s="150"/>
      <c r="D94" s="150"/>
      <c r="E94" s="151"/>
    </row>
    <row r="95" spans="1:5" s="2" customFormat="1" ht="27" customHeight="1" x14ac:dyDescent="0.25">
      <c r="A95" s="106" t="s">
        <v>58</v>
      </c>
      <c r="B95" s="84" t="s">
        <v>258</v>
      </c>
      <c r="C95" s="126"/>
      <c r="D95" s="51" t="s">
        <v>1</v>
      </c>
      <c r="E95" s="53">
        <v>30</v>
      </c>
    </row>
    <row r="96" spans="1:5" s="2" customFormat="1" ht="27" customHeight="1" x14ac:dyDescent="0.25">
      <c r="A96" s="106" t="s">
        <v>59</v>
      </c>
      <c r="B96" s="85" t="s">
        <v>259</v>
      </c>
      <c r="C96" s="126"/>
      <c r="D96" s="51" t="s">
        <v>1</v>
      </c>
      <c r="E96" s="53">
        <v>29</v>
      </c>
    </row>
    <row r="97" spans="1:5" s="2" customFormat="1" ht="27" customHeight="1" x14ac:dyDescent="0.25">
      <c r="A97" s="106" t="s">
        <v>66</v>
      </c>
      <c r="B97" s="86" t="s">
        <v>248</v>
      </c>
      <c r="C97" s="126"/>
      <c r="D97" s="51" t="s">
        <v>1</v>
      </c>
      <c r="E97" s="53">
        <v>10</v>
      </c>
    </row>
    <row r="98" spans="1:5" s="2" customFormat="1" ht="27" customHeight="1" x14ac:dyDescent="0.25">
      <c r="A98" s="106" t="s">
        <v>67</v>
      </c>
      <c r="B98" s="86" t="s">
        <v>260</v>
      </c>
      <c r="C98" s="127"/>
      <c r="D98" s="51" t="s">
        <v>1</v>
      </c>
      <c r="E98" s="53">
        <v>6</v>
      </c>
    </row>
    <row r="99" spans="1:5" s="2" customFormat="1" ht="27" customHeight="1" x14ac:dyDescent="0.25">
      <c r="A99" s="106" t="s">
        <v>68</v>
      </c>
      <c r="B99" s="86" t="s">
        <v>261</v>
      </c>
      <c r="C99" s="127"/>
      <c r="D99" s="51" t="s">
        <v>1</v>
      </c>
      <c r="E99" s="53">
        <v>25</v>
      </c>
    </row>
    <row r="100" spans="1:5" s="2" customFormat="1" ht="27" customHeight="1" x14ac:dyDescent="0.25">
      <c r="A100" s="106" t="s">
        <v>69</v>
      </c>
      <c r="B100" s="86" t="s">
        <v>262</v>
      </c>
      <c r="C100" s="126"/>
      <c r="D100" s="51" t="s">
        <v>1</v>
      </c>
      <c r="E100" s="53">
        <v>6</v>
      </c>
    </row>
    <row r="101" spans="1:5" s="56" customFormat="1" ht="27.75" customHeight="1" x14ac:dyDescent="0.25">
      <c r="A101" s="107" t="s">
        <v>60</v>
      </c>
      <c r="B101" s="126"/>
      <c r="C101" s="126"/>
      <c r="D101" s="51"/>
      <c r="E101" s="98">
        <f>SUM(E95:E100)</f>
        <v>106</v>
      </c>
    </row>
    <row r="102" spans="1:5" s="128" customFormat="1" ht="27" customHeight="1" x14ac:dyDescent="0.25">
      <c r="A102" s="149" t="s">
        <v>198</v>
      </c>
      <c r="B102" s="150"/>
      <c r="C102" s="150"/>
      <c r="D102" s="150"/>
      <c r="E102" s="151"/>
    </row>
    <row r="103" spans="1:5" s="2" customFormat="1" ht="27" customHeight="1" x14ac:dyDescent="0.25">
      <c r="A103" s="106" t="s">
        <v>58</v>
      </c>
      <c r="B103" s="84" t="s">
        <v>263</v>
      </c>
      <c r="C103" s="127"/>
      <c r="D103" s="51" t="s">
        <v>1</v>
      </c>
      <c r="E103" s="53">
        <v>12</v>
      </c>
    </row>
    <row r="104" spans="1:5" s="56" customFormat="1" ht="27.75" customHeight="1" x14ac:dyDescent="0.25">
      <c r="A104" s="132" t="s">
        <v>60</v>
      </c>
      <c r="B104" s="127"/>
      <c r="C104" s="127"/>
      <c r="D104" s="51"/>
      <c r="E104" s="98">
        <v>12</v>
      </c>
    </row>
    <row r="105" spans="1:5" s="125" customFormat="1" ht="27" customHeight="1" x14ac:dyDescent="0.25">
      <c r="A105" s="149" t="s">
        <v>264</v>
      </c>
      <c r="B105" s="150"/>
      <c r="C105" s="150"/>
      <c r="D105" s="150"/>
      <c r="E105" s="151"/>
    </row>
    <row r="106" spans="1:5" s="2" customFormat="1" ht="27" customHeight="1" x14ac:dyDescent="0.25">
      <c r="A106" s="106" t="s">
        <v>58</v>
      </c>
      <c r="B106" s="84" t="s">
        <v>266</v>
      </c>
      <c r="C106" s="126"/>
      <c r="D106" s="51" t="s">
        <v>1</v>
      </c>
      <c r="E106" s="53">
        <v>90</v>
      </c>
    </row>
    <row r="107" spans="1:5" s="56" customFormat="1" ht="27.75" customHeight="1" x14ac:dyDescent="0.25">
      <c r="A107" s="132" t="s">
        <v>60</v>
      </c>
      <c r="B107" s="127"/>
      <c r="C107" s="127"/>
      <c r="D107" s="51"/>
      <c r="E107" s="98" t="s">
        <v>291</v>
      </c>
    </row>
    <row r="108" spans="1:5" s="128" customFormat="1" ht="27" customHeight="1" x14ac:dyDescent="0.25">
      <c r="A108" s="149" t="s">
        <v>205</v>
      </c>
      <c r="B108" s="150"/>
      <c r="C108" s="150"/>
      <c r="D108" s="150"/>
      <c r="E108" s="151"/>
    </row>
    <row r="109" spans="1:5" s="2" customFormat="1" ht="27" customHeight="1" x14ac:dyDescent="0.25">
      <c r="A109" s="106" t="s">
        <v>58</v>
      </c>
      <c r="B109" s="84" t="s">
        <v>265</v>
      </c>
      <c r="C109" s="127"/>
      <c r="D109" s="51" t="s">
        <v>1</v>
      </c>
      <c r="E109" s="53">
        <v>500</v>
      </c>
    </row>
    <row r="110" spans="1:5" s="56" customFormat="1" ht="27.75" customHeight="1" x14ac:dyDescent="0.25">
      <c r="A110" s="108" t="s">
        <v>60</v>
      </c>
      <c r="B110" s="65"/>
      <c r="C110" s="65"/>
      <c r="D110" s="52"/>
      <c r="E110" s="66">
        <v>500</v>
      </c>
    </row>
    <row r="111" spans="1:5" s="2" customFormat="1" ht="10.5" customHeight="1" x14ac:dyDescent="0.25">
      <c r="A111" s="109"/>
      <c r="B111" s="58"/>
      <c r="C111" s="58"/>
      <c r="D111" s="51"/>
      <c r="E111" s="60"/>
    </row>
    <row r="112" spans="1:5" s="9" customFormat="1" ht="10.5" customHeight="1" x14ac:dyDescent="0.25">
      <c r="A112" s="164" t="s">
        <v>14</v>
      </c>
      <c r="B112" s="164"/>
      <c r="C112" s="48"/>
      <c r="D112" s="48"/>
    </row>
    <row r="113" spans="1:5" s="9" customFormat="1" ht="27" customHeight="1" x14ac:dyDescent="0.2">
      <c r="A113" s="110"/>
      <c r="B113" s="9" t="s">
        <v>2</v>
      </c>
      <c r="C113" s="48"/>
      <c r="D113" s="48"/>
    </row>
    <row r="114" spans="1:5" s="9" customFormat="1" ht="27" customHeight="1" x14ac:dyDescent="0.25">
      <c r="A114" s="26"/>
      <c r="B114" s="2" t="s">
        <v>3</v>
      </c>
      <c r="C114" s="48"/>
      <c r="D114" s="48"/>
    </row>
    <row r="115" spans="1:5" ht="10.5" customHeight="1" x14ac:dyDescent="0.2"/>
    <row r="116" spans="1:5" s="2" customFormat="1" ht="20.100000000000001" customHeight="1" x14ac:dyDescent="0.25">
      <c r="A116" s="162" t="s">
        <v>18</v>
      </c>
      <c r="B116" s="162"/>
      <c r="C116" s="162"/>
      <c r="D116" s="162"/>
      <c r="E116" s="162"/>
    </row>
    <row r="117" spans="1:5" s="2" customFormat="1" ht="5.0999999999999996" customHeight="1" thickBot="1" x14ac:dyDescent="0.3">
      <c r="A117" s="95"/>
      <c r="C117" s="6"/>
      <c r="D117" s="6"/>
    </row>
    <row r="118" spans="1:5" s="3" customFormat="1" ht="99.75" customHeight="1" x14ac:dyDescent="0.25">
      <c r="A118" s="187" t="s">
        <v>0</v>
      </c>
      <c r="B118" s="188"/>
      <c r="C118" s="165" t="s">
        <v>19</v>
      </c>
      <c r="D118" s="166"/>
      <c r="E118" s="16"/>
    </row>
    <row r="119" spans="1:5" s="3" customFormat="1" ht="35.25" customHeight="1" x14ac:dyDescent="0.25">
      <c r="A119" s="189"/>
      <c r="B119" s="190"/>
      <c r="C119" s="115" t="s">
        <v>20</v>
      </c>
      <c r="D119" s="114" t="s">
        <v>21</v>
      </c>
    </row>
    <row r="120" spans="1:5" s="18" customFormat="1" ht="42.75" customHeight="1" x14ac:dyDescent="0.25">
      <c r="A120" s="157" t="s">
        <v>97</v>
      </c>
      <c r="B120" s="158"/>
      <c r="C120" s="158"/>
      <c r="D120" s="159"/>
    </row>
    <row r="121" spans="1:5" s="18" customFormat="1" ht="28.5" customHeight="1" x14ac:dyDescent="0.25">
      <c r="A121" s="152" t="s">
        <v>100</v>
      </c>
      <c r="B121" s="153"/>
      <c r="C121" s="153"/>
      <c r="D121" s="154"/>
    </row>
    <row r="122" spans="1:5" s="4" customFormat="1" ht="33" customHeight="1" x14ac:dyDescent="0.25">
      <c r="A122" s="121" t="s">
        <v>11</v>
      </c>
      <c r="B122" s="90" t="s">
        <v>98</v>
      </c>
      <c r="C122" s="35"/>
      <c r="D122" s="38"/>
    </row>
    <row r="123" spans="1:5" s="4" customFormat="1" ht="45.75" customHeight="1" thickBot="1" x14ac:dyDescent="0.3">
      <c r="A123" s="122" t="s">
        <v>76</v>
      </c>
      <c r="B123" s="120" t="s">
        <v>115</v>
      </c>
      <c r="C123" s="68"/>
      <c r="D123" s="69"/>
    </row>
    <row r="124" spans="1:5" s="18" customFormat="1" ht="42.75" customHeight="1" x14ac:dyDescent="0.25">
      <c r="A124" s="157" t="s">
        <v>99</v>
      </c>
      <c r="B124" s="158"/>
      <c r="C124" s="158"/>
      <c r="D124" s="159"/>
    </row>
    <row r="125" spans="1:5" s="18" customFormat="1" ht="28.5" customHeight="1" x14ac:dyDescent="0.25">
      <c r="A125" s="191" t="s">
        <v>101</v>
      </c>
      <c r="B125" s="192"/>
      <c r="C125" s="192"/>
      <c r="D125" s="193"/>
    </row>
    <row r="126" spans="1:5" s="4" customFormat="1" ht="30" customHeight="1" x14ac:dyDescent="0.25">
      <c r="A126" s="123" t="s">
        <v>76</v>
      </c>
      <c r="B126" s="89" t="s">
        <v>102</v>
      </c>
      <c r="C126" s="35"/>
      <c r="D126" s="38"/>
    </row>
    <row r="127" spans="1:5" s="18" customFormat="1" ht="42.75" customHeight="1" x14ac:dyDescent="0.25">
      <c r="A127" s="157" t="s">
        <v>103</v>
      </c>
      <c r="B127" s="158"/>
      <c r="C127" s="158"/>
      <c r="D127" s="159"/>
    </row>
    <row r="128" spans="1:5" s="4" customFormat="1" ht="33" customHeight="1" x14ac:dyDescent="0.25">
      <c r="A128" s="121" t="s">
        <v>75</v>
      </c>
      <c r="B128" s="90" t="s">
        <v>98</v>
      </c>
      <c r="C128" s="35"/>
      <c r="D128" s="38"/>
    </row>
    <row r="129" spans="1:4" s="18" customFormat="1" ht="28.5" customHeight="1" x14ac:dyDescent="0.25">
      <c r="A129" s="152" t="s">
        <v>104</v>
      </c>
      <c r="B129" s="153"/>
      <c r="C129" s="153"/>
      <c r="D129" s="154"/>
    </row>
    <row r="130" spans="1:4" s="4" customFormat="1" ht="395.25" customHeight="1" x14ac:dyDescent="0.25">
      <c r="A130" s="36" t="s">
        <v>76</v>
      </c>
      <c r="B130" s="91" t="s">
        <v>209</v>
      </c>
      <c r="C130" s="35"/>
      <c r="D130" s="38"/>
    </row>
    <row r="131" spans="1:4" s="18" customFormat="1" ht="28.5" customHeight="1" x14ac:dyDescent="0.25">
      <c r="A131" s="152" t="s">
        <v>105</v>
      </c>
      <c r="B131" s="153"/>
      <c r="C131" s="153"/>
      <c r="D131" s="154"/>
    </row>
    <row r="132" spans="1:4" s="4" customFormat="1" ht="293.25" customHeight="1" x14ac:dyDescent="0.25">
      <c r="A132" s="36" t="s">
        <v>76</v>
      </c>
      <c r="B132" s="91" t="s">
        <v>210</v>
      </c>
      <c r="C132" s="35"/>
      <c r="D132" s="38"/>
    </row>
    <row r="133" spans="1:4" s="18" customFormat="1" ht="28.5" customHeight="1" x14ac:dyDescent="0.25">
      <c r="A133" s="152" t="s">
        <v>106</v>
      </c>
      <c r="B133" s="153"/>
      <c r="C133" s="153"/>
      <c r="D133" s="154"/>
    </row>
    <row r="134" spans="1:4" s="4" customFormat="1" ht="362.25" customHeight="1" x14ac:dyDescent="0.25">
      <c r="A134" s="31" t="s">
        <v>76</v>
      </c>
      <c r="B134" s="89" t="s">
        <v>211</v>
      </c>
      <c r="C134" s="35"/>
      <c r="D134" s="38"/>
    </row>
    <row r="135" spans="1:4" s="18" customFormat="1" ht="42.75" customHeight="1" x14ac:dyDescent="0.25">
      <c r="A135" s="157" t="s">
        <v>107</v>
      </c>
      <c r="B135" s="158"/>
      <c r="C135" s="158"/>
      <c r="D135" s="159"/>
    </row>
    <row r="136" spans="1:4" s="4" customFormat="1" ht="54" customHeight="1" x14ac:dyDescent="0.25">
      <c r="A136" s="160" t="s">
        <v>109</v>
      </c>
      <c r="B136" s="161"/>
      <c r="C136" s="35"/>
      <c r="D136" s="38"/>
    </row>
    <row r="137" spans="1:4" s="18" customFormat="1" ht="28.5" customHeight="1" x14ac:dyDescent="0.25">
      <c r="A137" s="152" t="s">
        <v>108</v>
      </c>
      <c r="B137" s="153"/>
      <c r="C137" s="153"/>
      <c r="D137" s="154"/>
    </row>
    <row r="138" spans="1:4" s="4" customFormat="1" ht="86.25" customHeight="1" x14ac:dyDescent="0.25">
      <c r="A138" s="124" t="s">
        <v>76</v>
      </c>
      <c r="B138" s="89" t="s">
        <v>113</v>
      </c>
      <c r="C138" s="35"/>
      <c r="D138" s="38"/>
    </row>
    <row r="139" spans="1:4" s="18" customFormat="1" ht="28.5" customHeight="1" x14ac:dyDescent="0.25">
      <c r="A139" s="152" t="s">
        <v>110</v>
      </c>
      <c r="B139" s="153"/>
      <c r="C139" s="153"/>
      <c r="D139" s="154"/>
    </row>
    <row r="140" spans="1:4" s="4" customFormat="1" ht="79.5" customHeight="1" x14ac:dyDescent="0.25">
      <c r="A140" s="36" t="s">
        <v>75</v>
      </c>
      <c r="B140" s="89" t="s">
        <v>114</v>
      </c>
      <c r="C140" s="35"/>
      <c r="D140" s="38"/>
    </row>
    <row r="141" spans="1:4" s="18" customFormat="1" ht="28.5" customHeight="1" x14ac:dyDescent="0.25">
      <c r="A141" s="152" t="s">
        <v>111</v>
      </c>
      <c r="B141" s="153"/>
      <c r="C141" s="153"/>
      <c r="D141" s="154"/>
    </row>
    <row r="142" spans="1:4" s="4" customFormat="1" ht="42.75" customHeight="1" x14ac:dyDescent="0.25">
      <c r="A142" s="36" t="s">
        <v>75</v>
      </c>
      <c r="B142" s="89" t="s">
        <v>112</v>
      </c>
      <c r="C142" s="35"/>
      <c r="D142" s="38"/>
    </row>
    <row r="143" spans="1:4" s="18" customFormat="1" ht="28.5" customHeight="1" x14ac:dyDescent="0.25">
      <c r="A143" s="152" t="s">
        <v>116</v>
      </c>
      <c r="B143" s="153"/>
      <c r="C143" s="153"/>
      <c r="D143" s="154"/>
    </row>
    <row r="144" spans="1:4" s="4" customFormat="1" ht="70.5" customHeight="1" x14ac:dyDescent="0.25">
      <c r="A144" s="36" t="s">
        <v>75</v>
      </c>
      <c r="B144" s="89" t="s">
        <v>117</v>
      </c>
      <c r="C144" s="35"/>
      <c r="D144" s="38"/>
    </row>
    <row r="145" spans="1:4" s="18" customFormat="1" ht="28.5" customHeight="1" x14ac:dyDescent="0.25">
      <c r="A145" s="152" t="s">
        <v>118</v>
      </c>
      <c r="B145" s="153"/>
      <c r="C145" s="153"/>
      <c r="D145" s="154"/>
    </row>
    <row r="146" spans="1:4" s="4" customFormat="1" ht="84.75" customHeight="1" x14ac:dyDescent="0.25">
      <c r="A146" s="36" t="s">
        <v>75</v>
      </c>
      <c r="B146" s="89" t="s">
        <v>119</v>
      </c>
      <c r="C146" s="35"/>
      <c r="D146" s="38"/>
    </row>
    <row r="147" spans="1:4" s="18" customFormat="1" ht="28.5" customHeight="1" x14ac:dyDescent="0.25">
      <c r="A147" s="152" t="s">
        <v>120</v>
      </c>
      <c r="B147" s="153"/>
      <c r="C147" s="153"/>
      <c r="D147" s="154"/>
    </row>
    <row r="148" spans="1:4" s="4" customFormat="1" ht="109.5" customHeight="1" x14ac:dyDescent="0.25">
      <c r="A148" s="36" t="s">
        <v>75</v>
      </c>
      <c r="B148" s="89" t="s">
        <v>121</v>
      </c>
      <c r="C148" s="35"/>
      <c r="D148" s="38"/>
    </row>
    <row r="149" spans="1:4" s="18" customFormat="1" ht="28.5" customHeight="1" x14ac:dyDescent="0.25">
      <c r="A149" s="152" t="s">
        <v>122</v>
      </c>
      <c r="B149" s="153"/>
      <c r="C149" s="153"/>
      <c r="D149" s="154"/>
    </row>
    <row r="150" spans="1:4" s="4" customFormat="1" ht="83.25" customHeight="1" x14ac:dyDescent="0.25">
      <c r="A150" s="36" t="s">
        <v>75</v>
      </c>
      <c r="B150" s="89" t="s">
        <v>123</v>
      </c>
      <c r="C150" s="35"/>
      <c r="D150" s="38"/>
    </row>
    <row r="151" spans="1:4" s="18" customFormat="1" ht="28.5" customHeight="1" x14ac:dyDescent="0.25">
      <c r="A151" s="152" t="s">
        <v>124</v>
      </c>
      <c r="B151" s="153"/>
      <c r="C151" s="153"/>
      <c r="D151" s="154"/>
    </row>
    <row r="152" spans="1:4" s="4" customFormat="1" ht="57" customHeight="1" x14ac:dyDescent="0.25">
      <c r="A152" s="31" t="s">
        <v>75</v>
      </c>
      <c r="B152" s="89" t="s">
        <v>125</v>
      </c>
      <c r="C152" s="35"/>
      <c r="D152" s="38"/>
    </row>
    <row r="153" spans="1:4" s="18" customFormat="1" ht="55.5" customHeight="1" x14ac:dyDescent="0.25">
      <c r="A153" s="157" t="s">
        <v>126</v>
      </c>
      <c r="B153" s="158"/>
      <c r="C153" s="158"/>
      <c r="D153" s="159"/>
    </row>
    <row r="154" spans="1:4" s="4" customFormat="1" ht="72.75" customHeight="1" x14ac:dyDescent="0.25">
      <c r="A154" s="160" t="s">
        <v>127</v>
      </c>
      <c r="B154" s="161"/>
      <c r="C154" s="35"/>
      <c r="D154" s="38"/>
    </row>
    <row r="155" spans="1:4" s="18" customFormat="1" ht="28.5" customHeight="1" x14ac:dyDescent="0.25">
      <c r="A155" s="152" t="s">
        <v>128</v>
      </c>
      <c r="B155" s="153"/>
      <c r="C155" s="153"/>
      <c r="D155" s="154"/>
    </row>
    <row r="156" spans="1:4" s="4" customFormat="1" ht="23.25" customHeight="1" x14ac:dyDescent="0.25">
      <c r="A156" s="123" t="s">
        <v>76</v>
      </c>
      <c r="B156" s="89" t="s">
        <v>129</v>
      </c>
      <c r="C156" s="35"/>
      <c r="D156" s="38"/>
    </row>
    <row r="157" spans="1:4" s="18" customFormat="1" ht="42.75" customHeight="1" x14ac:dyDescent="0.25">
      <c r="A157" s="157" t="s">
        <v>130</v>
      </c>
      <c r="B157" s="158"/>
      <c r="C157" s="158"/>
      <c r="D157" s="159"/>
    </row>
    <row r="158" spans="1:4" s="4" customFormat="1" ht="59.25" customHeight="1" x14ac:dyDescent="0.25">
      <c r="A158" s="160" t="s">
        <v>131</v>
      </c>
      <c r="B158" s="161"/>
      <c r="C158" s="35"/>
      <c r="D158" s="38"/>
    </row>
    <row r="159" spans="1:4" s="18" customFormat="1" ht="28.5" customHeight="1" x14ac:dyDescent="0.25">
      <c r="A159" s="152" t="s">
        <v>132</v>
      </c>
      <c r="B159" s="153"/>
      <c r="C159" s="153"/>
      <c r="D159" s="154"/>
    </row>
    <row r="160" spans="1:4" s="4" customFormat="1" ht="23.25" customHeight="1" x14ac:dyDescent="0.25">
      <c r="A160" s="123" t="s">
        <v>76</v>
      </c>
      <c r="B160" s="89" t="s">
        <v>133</v>
      </c>
      <c r="C160" s="35"/>
      <c r="D160" s="38"/>
    </row>
    <row r="161" spans="1:4" s="18" customFormat="1" ht="42.75" customHeight="1" x14ac:dyDescent="0.25">
      <c r="A161" s="157" t="s">
        <v>134</v>
      </c>
      <c r="B161" s="158"/>
      <c r="C161" s="158"/>
      <c r="D161" s="159"/>
    </row>
    <row r="162" spans="1:4" s="4" customFormat="1" ht="49.5" customHeight="1" x14ac:dyDescent="0.25">
      <c r="A162" s="160" t="s">
        <v>135</v>
      </c>
      <c r="B162" s="161"/>
      <c r="C162" s="35"/>
      <c r="D162" s="38"/>
    </row>
    <row r="163" spans="1:4" s="18" customFormat="1" ht="28.5" customHeight="1" x14ac:dyDescent="0.25">
      <c r="A163" s="152" t="s">
        <v>136</v>
      </c>
      <c r="B163" s="153"/>
      <c r="C163" s="153"/>
      <c r="D163" s="154"/>
    </row>
    <row r="164" spans="1:4" s="4" customFormat="1" ht="29.25" customHeight="1" x14ac:dyDescent="0.25">
      <c r="A164" s="36" t="s">
        <v>11</v>
      </c>
      <c r="B164" s="89" t="s">
        <v>137</v>
      </c>
      <c r="C164" s="35"/>
      <c r="D164" s="38"/>
    </row>
    <row r="165" spans="1:4" s="18" customFormat="1" ht="28.5" customHeight="1" x14ac:dyDescent="0.25">
      <c r="A165" s="152" t="s">
        <v>139</v>
      </c>
      <c r="B165" s="153"/>
      <c r="C165" s="153"/>
      <c r="D165" s="154"/>
    </row>
    <row r="166" spans="1:4" s="4" customFormat="1" ht="44.25" customHeight="1" x14ac:dyDescent="0.25">
      <c r="A166" s="36" t="s">
        <v>11</v>
      </c>
      <c r="B166" s="89" t="s">
        <v>138</v>
      </c>
      <c r="C166" s="35"/>
      <c r="D166" s="38"/>
    </row>
    <row r="167" spans="1:4" s="18" customFormat="1" ht="28.5" customHeight="1" x14ac:dyDescent="0.25">
      <c r="A167" s="152" t="s">
        <v>140</v>
      </c>
      <c r="B167" s="153"/>
      <c r="C167" s="153"/>
      <c r="D167" s="154"/>
    </row>
    <row r="168" spans="1:4" s="4" customFormat="1" ht="31.5" customHeight="1" x14ac:dyDescent="0.25">
      <c r="A168" s="36" t="s">
        <v>11</v>
      </c>
      <c r="B168" s="89" t="s">
        <v>141</v>
      </c>
      <c r="C168" s="35"/>
      <c r="D168" s="38"/>
    </row>
    <row r="169" spans="1:4" s="18" customFormat="1" ht="28.5" customHeight="1" x14ac:dyDescent="0.25">
      <c r="A169" s="152" t="s">
        <v>142</v>
      </c>
      <c r="B169" s="153"/>
      <c r="C169" s="153"/>
      <c r="D169" s="154"/>
    </row>
    <row r="170" spans="1:4" s="4" customFormat="1" ht="44.25" customHeight="1" x14ac:dyDescent="0.25">
      <c r="A170" s="36" t="s">
        <v>11</v>
      </c>
      <c r="B170" s="89" t="s">
        <v>143</v>
      </c>
      <c r="C170" s="35"/>
      <c r="D170" s="38"/>
    </row>
    <row r="171" spans="1:4" s="18" customFormat="1" ht="28.5" customHeight="1" x14ac:dyDescent="0.25">
      <c r="A171" s="152" t="s">
        <v>144</v>
      </c>
      <c r="B171" s="153"/>
      <c r="C171" s="153"/>
      <c r="D171" s="154"/>
    </row>
    <row r="172" spans="1:4" s="4" customFormat="1" ht="45.75" customHeight="1" x14ac:dyDescent="0.25">
      <c r="A172" s="36" t="s">
        <v>11</v>
      </c>
      <c r="B172" s="89" t="s">
        <v>145</v>
      </c>
      <c r="C172" s="35"/>
      <c r="D172" s="38"/>
    </row>
    <row r="173" spans="1:4" s="18" customFormat="1" ht="28.5" customHeight="1" x14ac:dyDescent="0.25">
      <c r="A173" s="152" t="s">
        <v>146</v>
      </c>
      <c r="B173" s="153"/>
      <c r="C173" s="153"/>
      <c r="D173" s="154"/>
    </row>
    <row r="174" spans="1:4" s="4" customFormat="1" ht="74.25" customHeight="1" x14ac:dyDescent="0.25">
      <c r="A174" s="36" t="s">
        <v>11</v>
      </c>
      <c r="B174" s="89" t="s">
        <v>267</v>
      </c>
      <c r="C174" s="35"/>
      <c r="D174" s="38"/>
    </row>
    <row r="175" spans="1:4" s="18" customFormat="1" ht="28.5" customHeight="1" x14ac:dyDescent="0.25">
      <c r="A175" s="152" t="s">
        <v>147</v>
      </c>
      <c r="B175" s="153"/>
      <c r="C175" s="153"/>
      <c r="D175" s="154"/>
    </row>
    <row r="176" spans="1:4" s="4" customFormat="1" ht="44.25" customHeight="1" x14ac:dyDescent="0.25">
      <c r="A176" s="36" t="s">
        <v>11</v>
      </c>
      <c r="B176" s="89" t="s">
        <v>148</v>
      </c>
      <c r="C176" s="35"/>
      <c r="D176" s="38"/>
    </row>
    <row r="177" spans="1:4" s="18" customFormat="1" ht="28.5" customHeight="1" x14ac:dyDescent="0.25">
      <c r="A177" s="152" t="s">
        <v>153</v>
      </c>
      <c r="B177" s="153"/>
      <c r="C177" s="153"/>
      <c r="D177" s="154"/>
    </row>
    <row r="178" spans="1:4" s="4" customFormat="1" ht="30.75" customHeight="1" x14ac:dyDescent="0.25">
      <c r="A178" s="36" t="s">
        <v>11</v>
      </c>
      <c r="B178" s="89" t="s">
        <v>149</v>
      </c>
      <c r="C178" s="35"/>
      <c r="D178" s="38"/>
    </row>
    <row r="179" spans="1:4" s="18" customFormat="1" ht="28.5" customHeight="1" x14ac:dyDescent="0.25">
      <c r="A179" s="152" t="s">
        <v>154</v>
      </c>
      <c r="B179" s="153"/>
      <c r="C179" s="153"/>
      <c r="D179" s="154"/>
    </row>
    <row r="180" spans="1:4" s="4" customFormat="1" ht="30.75" customHeight="1" x14ac:dyDescent="0.25">
      <c r="A180" s="36" t="s">
        <v>11</v>
      </c>
      <c r="B180" s="89" t="s">
        <v>150</v>
      </c>
      <c r="C180" s="35"/>
      <c r="D180" s="38"/>
    </row>
    <row r="181" spans="1:4" s="18" customFormat="1" ht="28.5" customHeight="1" x14ac:dyDescent="0.25">
      <c r="A181" s="152" t="s">
        <v>155</v>
      </c>
      <c r="B181" s="153"/>
      <c r="C181" s="153"/>
      <c r="D181" s="154"/>
    </row>
    <row r="182" spans="1:4" s="4" customFormat="1" ht="32.25" customHeight="1" x14ac:dyDescent="0.25">
      <c r="A182" s="36" t="s">
        <v>11</v>
      </c>
      <c r="B182" s="89" t="s">
        <v>152</v>
      </c>
      <c r="C182" s="35"/>
      <c r="D182" s="38"/>
    </row>
    <row r="183" spans="1:4" s="18" customFormat="1" ht="28.5" customHeight="1" x14ac:dyDescent="0.25">
      <c r="A183" s="152" t="s">
        <v>156</v>
      </c>
      <c r="B183" s="153"/>
      <c r="C183" s="153"/>
      <c r="D183" s="154"/>
    </row>
    <row r="184" spans="1:4" s="4" customFormat="1" ht="31.5" customHeight="1" x14ac:dyDescent="0.25">
      <c r="A184" s="31" t="s">
        <v>11</v>
      </c>
      <c r="B184" s="89" t="s">
        <v>151</v>
      </c>
      <c r="C184" s="35"/>
      <c r="D184" s="38"/>
    </row>
    <row r="185" spans="1:4" s="18" customFormat="1" ht="41.25" customHeight="1" x14ac:dyDescent="0.25">
      <c r="A185" s="157" t="s">
        <v>157</v>
      </c>
      <c r="B185" s="158"/>
      <c r="C185" s="158"/>
      <c r="D185" s="159"/>
    </row>
    <row r="186" spans="1:4" s="4" customFormat="1" ht="59.25" customHeight="1" x14ac:dyDescent="0.25">
      <c r="A186" s="160" t="s">
        <v>158</v>
      </c>
      <c r="B186" s="161"/>
      <c r="C186" s="35"/>
      <c r="D186" s="38"/>
    </row>
    <row r="187" spans="1:4" s="18" customFormat="1" ht="28.5" customHeight="1" x14ac:dyDescent="0.25">
      <c r="A187" s="152" t="s">
        <v>159</v>
      </c>
      <c r="B187" s="153"/>
      <c r="C187" s="153"/>
      <c r="D187" s="154"/>
    </row>
    <row r="188" spans="1:4" s="4" customFormat="1" ht="33.75" customHeight="1" x14ac:dyDescent="0.25">
      <c r="A188" s="31" t="s">
        <v>11</v>
      </c>
      <c r="B188" s="89" t="s">
        <v>160</v>
      </c>
      <c r="C188" s="35"/>
      <c r="D188" s="38"/>
    </row>
    <row r="189" spans="1:4" s="18" customFormat="1" ht="28.5" customHeight="1" x14ac:dyDescent="0.25">
      <c r="A189" s="152" t="s">
        <v>161</v>
      </c>
      <c r="B189" s="153"/>
      <c r="C189" s="153"/>
      <c r="D189" s="154"/>
    </row>
    <row r="190" spans="1:4" s="4" customFormat="1" ht="33.75" customHeight="1" x14ac:dyDescent="0.25">
      <c r="A190" s="31" t="s">
        <v>11</v>
      </c>
      <c r="B190" s="89" t="s">
        <v>162</v>
      </c>
      <c r="C190" s="35"/>
      <c r="D190" s="38"/>
    </row>
    <row r="191" spans="1:4" s="18" customFormat="1" ht="28.5" customHeight="1" x14ac:dyDescent="0.25">
      <c r="A191" s="152" t="s">
        <v>163</v>
      </c>
      <c r="B191" s="153"/>
      <c r="C191" s="153"/>
      <c r="D191" s="154"/>
    </row>
    <row r="192" spans="1:4" s="4" customFormat="1" ht="33.75" customHeight="1" x14ac:dyDescent="0.25">
      <c r="A192" s="31" t="s">
        <v>11</v>
      </c>
      <c r="B192" s="89" t="s">
        <v>164</v>
      </c>
      <c r="C192" s="35"/>
      <c r="D192" s="38"/>
    </row>
    <row r="193" spans="1:4" s="18" customFormat="1" ht="28.5" customHeight="1" x14ac:dyDescent="0.25">
      <c r="A193" s="152" t="s">
        <v>165</v>
      </c>
      <c r="B193" s="153"/>
      <c r="C193" s="153"/>
      <c r="D193" s="154"/>
    </row>
    <row r="194" spans="1:4" s="4" customFormat="1" ht="33.75" customHeight="1" x14ac:dyDescent="0.25">
      <c r="A194" s="31" t="s">
        <v>11</v>
      </c>
      <c r="B194" s="89" t="s">
        <v>166</v>
      </c>
      <c r="C194" s="35"/>
      <c r="D194" s="38"/>
    </row>
    <row r="195" spans="1:4" s="18" customFormat="1" ht="45" customHeight="1" x14ac:dyDescent="0.25">
      <c r="A195" s="157" t="s">
        <v>167</v>
      </c>
      <c r="B195" s="158"/>
      <c r="C195" s="158"/>
      <c r="D195" s="159"/>
    </row>
    <row r="196" spans="1:4" s="4" customFormat="1" ht="59.25" customHeight="1" x14ac:dyDescent="0.25">
      <c r="A196" s="160" t="s">
        <v>158</v>
      </c>
      <c r="B196" s="161"/>
      <c r="C196" s="35"/>
      <c r="D196" s="38"/>
    </row>
    <row r="197" spans="1:4" s="18" customFormat="1" ht="28.5" customHeight="1" x14ac:dyDescent="0.25">
      <c r="A197" s="152" t="s">
        <v>168</v>
      </c>
      <c r="B197" s="153"/>
      <c r="C197" s="153"/>
      <c r="D197" s="154"/>
    </row>
    <row r="198" spans="1:4" s="4" customFormat="1" ht="47.25" customHeight="1" x14ac:dyDescent="0.25">
      <c r="A198" s="31" t="s">
        <v>11</v>
      </c>
      <c r="B198" s="89" t="s">
        <v>169</v>
      </c>
      <c r="C198" s="35"/>
      <c r="D198" s="38"/>
    </row>
    <row r="199" spans="1:4" s="18" customFormat="1" ht="28.5" customHeight="1" x14ac:dyDescent="0.25">
      <c r="A199" s="152" t="s">
        <v>294</v>
      </c>
      <c r="B199" s="153"/>
      <c r="C199" s="153"/>
      <c r="D199" s="154"/>
    </row>
    <row r="200" spans="1:4" s="4" customFormat="1" ht="45" customHeight="1" x14ac:dyDescent="0.25">
      <c r="A200" s="31" t="s">
        <v>11</v>
      </c>
      <c r="B200" s="89" t="s">
        <v>170</v>
      </c>
      <c r="C200" s="35"/>
      <c r="D200" s="38"/>
    </row>
    <row r="201" spans="1:4" s="18" customFormat="1" ht="28.5" customHeight="1" x14ac:dyDescent="0.25">
      <c r="A201" s="152" t="s">
        <v>190</v>
      </c>
      <c r="B201" s="153"/>
      <c r="C201" s="153"/>
      <c r="D201" s="154"/>
    </row>
    <row r="202" spans="1:4" s="4" customFormat="1" ht="33.75" customHeight="1" x14ac:dyDescent="0.25">
      <c r="A202" s="31" t="s">
        <v>11</v>
      </c>
      <c r="B202" s="89" t="s">
        <v>171</v>
      </c>
      <c r="C202" s="35"/>
      <c r="D202" s="38"/>
    </row>
    <row r="203" spans="1:4" s="18" customFormat="1" ht="42.95" customHeight="1" x14ac:dyDescent="0.25">
      <c r="A203" s="157" t="s">
        <v>175</v>
      </c>
      <c r="B203" s="158"/>
      <c r="C203" s="158"/>
      <c r="D203" s="159"/>
    </row>
    <row r="204" spans="1:4" s="4" customFormat="1" ht="39" customHeight="1" x14ac:dyDescent="0.25">
      <c r="A204" s="160" t="s">
        <v>173</v>
      </c>
      <c r="B204" s="161"/>
      <c r="C204" s="35"/>
      <c r="D204" s="38"/>
    </row>
    <row r="205" spans="1:4" s="18" customFormat="1" ht="28.5" customHeight="1" x14ac:dyDescent="0.25">
      <c r="A205" s="152" t="s">
        <v>172</v>
      </c>
      <c r="B205" s="153"/>
      <c r="C205" s="153"/>
      <c r="D205" s="154"/>
    </row>
    <row r="206" spans="1:4" s="4" customFormat="1" ht="47.25" customHeight="1" x14ac:dyDescent="0.25">
      <c r="A206" s="31" t="s">
        <v>11</v>
      </c>
      <c r="B206" s="89" t="s">
        <v>174</v>
      </c>
      <c r="C206" s="35"/>
      <c r="D206" s="38"/>
    </row>
    <row r="207" spans="1:4" s="18" customFormat="1" ht="58.5" customHeight="1" x14ac:dyDescent="0.25">
      <c r="A207" s="157" t="s">
        <v>176</v>
      </c>
      <c r="B207" s="158"/>
      <c r="C207" s="158"/>
      <c r="D207" s="159"/>
    </row>
    <row r="208" spans="1:4" s="4" customFormat="1" ht="88.5" customHeight="1" x14ac:dyDescent="0.25">
      <c r="A208" s="160" t="s">
        <v>177</v>
      </c>
      <c r="B208" s="161"/>
      <c r="C208" s="35"/>
      <c r="D208" s="38"/>
    </row>
    <row r="209" spans="1:4" s="18" customFormat="1" ht="28.5" customHeight="1" x14ac:dyDescent="0.25">
      <c r="A209" s="152" t="s">
        <v>178</v>
      </c>
      <c r="B209" s="153"/>
      <c r="C209" s="153"/>
      <c r="D209" s="154"/>
    </row>
    <row r="210" spans="1:4" s="4" customFormat="1" ht="30" customHeight="1" x14ac:dyDescent="0.25">
      <c r="A210" s="31" t="s">
        <v>11</v>
      </c>
      <c r="B210" s="89" t="s">
        <v>179</v>
      </c>
      <c r="C210" s="35"/>
      <c r="D210" s="38"/>
    </row>
    <row r="211" spans="1:4" s="18" customFormat="1" ht="28.5" customHeight="1" x14ac:dyDescent="0.25">
      <c r="A211" s="152" t="s">
        <v>295</v>
      </c>
      <c r="B211" s="153"/>
      <c r="C211" s="153"/>
      <c r="D211" s="154"/>
    </row>
    <row r="212" spans="1:4" s="4" customFormat="1" ht="30" customHeight="1" x14ac:dyDescent="0.25">
      <c r="A212" s="31" t="s">
        <v>11</v>
      </c>
      <c r="B212" s="89" t="s">
        <v>180</v>
      </c>
      <c r="C212" s="35"/>
      <c r="D212" s="38"/>
    </row>
    <row r="213" spans="1:4" s="18" customFormat="1" ht="28.5" customHeight="1" x14ac:dyDescent="0.25">
      <c r="A213" s="152" t="s">
        <v>297</v>
      </c>
      <c r="B213" s="153"/>
      <c r="C213" s="153"/>
      <c r="D213" s="154"/>
    </row>
    <row r="214" spans="1:4" s="4" customFormat="1" ht="30" customHeight="1" x14ac:dyDescent="0.25">
      <c r="A214" s="31" t="s">
        <v>11</v>
      </c>
      <c r="B214" s="147" t="s">
        <v>296</v>
      </c>
      <c r="C214" s="35"/>
      <c r="D214" s="38"/>
    </row>
    <row r="215" spans="1:4" s="18" customFormat="1" ht="57.75" customHeight="1" x14ac:dyDescent="0.25">
      <c r="A215" s="157" t="s">
        <v>181</v>
      </c>
      <c r="B215" s="158"/>
      <c r="C215" s="158"/>
      <c r="D215" s="159"/>
    </row>
    <row r="216" spans="1:4" s="4" customFormat="1" ht="99.75" customHeight="1" x14ac:dyDescent="0.25">
      <c r="A216" s="155" t="s">
        <v>182</v>
      </c>
      <c r="B216" s="156"/>
      <c r="C216" s="35"/>
      <c r="D216" s="38"/>
    </row>
    <row r="217" spans="1:4" s="18" customFormat="1" ht="28.5" customHeight="1" x14ac:dyDescent="0.25">
      <c r="A217" s="152" t="s">
        <v>183</v>
      </c>
      <c r="B217" s="153"/>
      <c r="C217" s="153"/>
      <c r="D217" s="154"/>
    </row>
    <row r="218" spans="1:4" s="4" customFormat="1" ht="30" customHeight="1" x14ac:dyDescent="0.25">
      <c r="A218" s="31" t="s">
        <v>11</v>
      </c>
      <c r="B218" s="89" t="s">
        <v>184</v>
      </c>
      <c r="C218" s="35"/>
      <c r="D218" s="38"/>
    </row>
    <row r="219" spans="1:4" s="18" customFormat="1" ht="42" customHeight="1" x14ac:dyDescent="0.25">
      <c r="A219" s="157" t="s">
        <v>185</v>
      </c>
      <c r="B219" s="158"/>
      <c r="C219" s="158"/>
      <c r="D219" s="159"/>
    </row>
    <row r="220" spans="1:4" s="4" customFormat="1" ht="66" customHeight="1" x14ac:dyDescent="0.25">
      <c r="A220" s="160" t="s">
        <v>186</v>
      </c>
      <c r="B220" s="161"/>
      <c r="C220" s="35"/>
      <c r="D220" s="38"/>
    </row>
    <row r="221" spans="1:4" s="18" customFormat="1" ht="28.5" customHeight="1" x14ac:dyDescent="0.25">
      <c r="A221" s="152" t="s">
        <v>187</v>
      </c>
      <c r="B221" s="153"/>
      <c r="C221" s="153"/>
      <c r="D221" s="154"/>
    </row>
    <row r="222" spans="1:4" s="4" customFormat="1" ht="30" customHeight="1" x14ac:dyDescent="0.25">
      <c r="A222" s="31" t="s">
        <v>11</v>
      </c>
      <c r="B222" s="89" t="s">
        <v>188</v>
      </c>
      <c r="C222" s="35"/>
      <c r="D222" s="38"/>
    </row>
    <row r="223" spans="1:4" s="18" customFormat="1" ht="28.5" customHeight="1" x14ac:dyDescent="0.25">
      <c r="A223" s="152" t="s">
        <v>189</v>
      </c>
      <c r="B223" s="153"/>
      <c r="C223" s="153"/>
      <c r="D223" s="154"/>
    </row>
    <row r="224" spans="1:4" s="4" customFormat="1" ht="106.5" customHeight="1" x14ac:dyDescent="0.25">
      <c r="A224" s="31" t="s">
        <v>11</v>
      </c>
      <c r="B224" s="89" t="s">
        <v>298</v>
      </c>
      <c r="C224" s="35"/>
      <c r="D224" s="38"/>
    </row>
    <row r="225" spans="1:4" s="18" customFormat="1" ht="28.5" customHeight="1" x14ac:dyDescent="0.25">
      <c r="A225" s="152" t="s">
        <v>190</v>
      </c>
      <c r="B225" s="153"/>
      <c r="C225" s="153"/>
      <c r="D225" s="154"/>
    </row>
    <row r="226" spans="1:4" s="4" customFormat="1" ht="30" customHeight="1" x14ac:dyDescent="0.25">
      <c r="A226" s="31" t="s">
        <v>11</v>
      </c>
      <c r="B226" s="89" t="s">
        <v>191</v>
      </c>
      <c r="C226" s="35"/>
      <c r="D226" s="38"/>
    </row>
    <row r="227" spans="1:4" s="18" customFormat="1" ht="28.5" customHeight="1" x14ac:dyDescent="0.25">
      <c r="A227" s="152" t="s">
        <v>192</v>
      </c>
      <c r="B227" s="153"/>
      <c r="C227" s="153"/>
      <c r="D227" s="154"/>
    </row>
    <row r="228" spans="1:4" s="4" customFormat="1" ht="72" customHeight="1" x14ac:dyDescent="0.25">
      <c r="A228" s="31" t="s">
        <v>11</v>
      </c>
      <c r="B228" s="89" t="s">
        <v>193</v>
      </c>
      <c r="C228" s="35"/>
      <c r="D228" s="38"/>
    </row>
    <row r="229" spans="1:4" s="18" customFormat="1" ht="28.5" customHeight="1" x14ac:dyDescent="0.25">
      <c r="A229" s="152" t="s">
        <v>194</v>
      </c>
      <c r="B229" s="153"/>
      <c r="C229" s="153"/>
      <c r="D229" s="154"/>
    </row>
    <row r="230" spans="1:4" s="4" customFormat="1" ht="30" customHeight="1" x14ac:dyDescent="0.25">
      <c r="A230" s="31" t="s">
        <v>11</v>
      </c>
      <c r="B230" s="89" t="s">
        <v>195</v>
      </c>
      <c r="C230" s="35"/>
      <c r="D230" s="38"/>
    </row>
    <row r="231" spans="1:4" s="18" customFormat="1" ht="28.5" customHeight="1" x14ac:dyDescent="0.25">
      <c r="A231" s="152" t="s">
        <v>197</v>
      </c>
      <c r="B231" s="153"/>
      <c r="C231" s="153"/>
      <c r="D231" s="154"/>
    </row>
    <row r="232" spans="1:4" s="4" customFormat="1" ht="30" customHeight="1" x14ac:dyDescent="0.25">
      <c r="A232" s="31" t="s">
        <v>11</v>
      </c>
      <c r="B232" s="89" t="s">
        <v>196</v>
      </c>
      <c r="C232" s="35"/>
      <c r="D232" s="38"/>
    </row>
    <row r="233" spans="1:4" s="18" customFormat="1" ht="42.95" customHeight="1" x14ac:dyDescent="0.25">
      <c r="A233" s="157" t="s">
        <v>198</v>
      </c>
      <c r="B233" s="158"/>
      <c r="C233" s="158"/>
      <c r="D233" s="159"/>
    </row>
    <row r="234" spans="1:4" s="4" customFormat="1" ht="48.75" customHeight="1" x14ac:dyDescent="0.25">
      <c r="A234" s="160" t="s">
        <v>199</v>
      </c>
      <c r="B234" s="161"/>
      <c r="C234" s="35"/>
      <c r="D234" s="38"/>
    </row>
    <row r="235" spans="1:4" s="18" customFormat="1" ht="28.5" customHeight="1" x14ac:dyDescent="0.25">
      <c r="A235" s="152" t="s">
        <v>200</v>
      </c>
      <c r="B235" s="153"/>
      <c r="C235" s="153"/>
      <c r="D235" s="154"/>
    </row>
    <row r="236" spans="1:4" s="4" customFormat="1" ht="30" customHeight="1" x14ac:dyDescent="0.25">
      <c r="A236" s="31" t="s">
        <v>11</v>
      </c>
      <c r="B236" s="89" t="s">
        <v>268</v>
      </c>
      <c r="C236" s="35"/>
      <c r="D236" s="38"/>
    </row>
    <row r="237" spans="1:4" s="18" customFormat="1" ht="42.95" customHeight="1" x14ac:dyDescent="0.25">
      <c r="A237" s="157" t="s">
        <v>201</v>
      </c>
      <c r="B237" s="158"/>
      <c r="C237" s="158"/>
      <c r="D237" s="159"/>
    </row>
    <row r="238" spans="1:4" s="4" customFormat="1" ht="48.75" customHeight="1" x14ac:dyDescent="0.25">
      <c r="A238" s="160" t="s">
        <v>202</v>
      </c>
      <c r="B238" s="161"/>
      <c r="C238" s="35"/>
      <c r="D238" s="38"/>
    </row>
    <row r="239" spans="1:4" s="18" customFormat="1" ht="28.5" customHeight="1" x14ac:dyDescent="0.25">
      <c r="A239" s="152" t="s">
        <v>203</v>
      </c>
      <c r="B239" s="153"/>
      <c r="C239" s="153"/>
      <c r="D239" s="154"/>
    </row>
    <row r="240" spans="1:4" s="4" customFormat="1" ht="30" customHeight="1" x14ac:dyDescent="0.25">
      <c r="A240" s="31" t="s">
        <v>11</v>
      </c>
      <c r="B240" s="89" t="s">
        <v>204</v>
      </c>
      <c r="C240" s="35"/>
      <c r="D240" s="38"/>
    </row>
    <row r="241" spans="1:4" s="18" customFormat="1" ht="42.95" customHeight="1" x14ac:dyDescent="0.25">
      <c r="A241" s="157" t="s">
        <v>205</v>
      </c>
      <c r="B241" s="158"/>
      <c r="C241" s="158"/>
      <c r="D241" s="159"/>
    </row>
    <row r="242" spans="1:4" s="4" customFormat="1" ht="48.75" customHeight="1" x14ac:dyDescent="0.25">
      <c r="A242" s="160" t="s">
        <v>206</v>
      </c>
      <c r="B242" s="161"/>
      <c r="C242" s="35"/>
      <c r="D242" s="38"/>
    </row>
    <row r="243" spans="1:4" s="18" customFormat="1" ht="28.5" customHeight="1" x14ac:dyDescent="0.25">
      <c r="A243" s="152" t="s">
        <v>207</v>
      </c>
      <c r="B243" s="153"/>
      <c r="C243" s="153"/>
      <c r="D243" s="154"/>
    </row>
    <row r="244" spans="1:4" s="4" customFormat="1" ht="54" customHeight="1" thickBot="1" x14ac:dyDescent="0.3">
      <c r="A244" s="111" t="s">
        <v>11</v>
      </c>
      <c r="B244" s="130" t="s">
        <v>208</v>
      </c>
      <c r="C244" s="68"/>
      <c r="D244" s="69"/>
    </row>
    <row r="245" spans="1:4" s="3" customFormat="1" ht="6.75" customHeight="1" x14ac:dyDescent="0.25">
      <c r="A245" s="7"/>
      <c r="B245" s="5"/>
      <c r="C245" s="7"/>
      <c r="D245" s="7"/>
    </row>
    <row r="246" spans="1:4" s="2" customFormat="1" ht="20.100000000000001" customHeight="1" x14ac:dyDescent="0.25">
      <c r="A246" s="162" t="s">
        <v>54</v>
      </c>
      <c r="B246" s="162" t="s">
        <v>53</v>
      </c>
      <c r="C246" s="162"/>
      <c r="D246" s="162"/>
    </row>
    <row r="247" spans="1:4" s="2" customFormat="1" ht="5.0999999999999996" customHeight="1" thickBot="1" x14ac:dyDescent="0.3">
      <c r="A247" s="95"/>
      <c r="C247" s="46"/>
      <c r="D247" s="46"/>
    </row>
    <row r="248" spans="1:4" s="3" customFormat="1" ht="69" customHeight="1" x14ac:dyDescent="0.25">
      <c r="A248" s="187" t="s">
        <v>55</v>
      </c>
      <c r="B248" s="188"/>
      <c r="C248" s="165" t="s">
        <v>22</v>
      </c>
      <c r="D248" s="166"/>
    </row>
    <row r="249" spans="1:4" s="3" customFormat="1" ht="35.25" customHeight="1" thickBot="1" x14ac:dyDescent="0.3">
      <c r="A249" s="189"/>
      <c r="B249" s="190"/>
      <c r="C249" s="17" t="s">
        <v>6</v>
      </c>
      <c r="D249" s="114" t="s">
        <v>23</v>
      </c>
    </row>
    <row r="250" spans="1:4" s="2" customFormat="1" ht="44.25" customHeight="1" x14ac:dyDescent="0.25">
      <c r="A250" s="34" t="s">
        <v>11</v>
      </c>
      <c r="B250" s="133" t="s">
        <v>269</v>
      </c>
      <c r="C250" s="35"/>
      <c r="D250" s="102"/>
    </row>
    <row r="251" spans="1:4" s="2" customFormat="1" ht="56.25" customHeight="1" x14ac:dyDescent="0.25">
      <c r="A251" s="134" t="s">
        <v>45</v>
      </c>
      <c r="B251" s="135" t="s">
        <v>270</v>
      </c>
      <c r="C251" s="35"/>
      <c r="D251" s="43"/>
    </row>
    <row r="252" spans="1:4" s="2" customFormat="1" ht="29.1" customHeight="1" x14ac:dyDescent="0.25">
      <c r="A252" s="134" t="s">
        <v>46</v>
      </c>
      <c r="B252" s="136" t="s">
        <v>271</v>
      </c>
      <c r="C252" s="35"/>
      <c r="D252" s="79"/>
    </row>
    <row r="253" spans="1:4" s="2" customFormat="1" ht="29.1" customHeight="1" x14ac:dyDescent="0.25">
      <c r="A253" s="137" t="s">
        <v>77</v>
      </c>
      <c r="B253" s="138" t="s">
        <v>272</v>
      </c>
      <c r="C253" s="35"/>
      <c r="D253" s="80"/>
    </row>
    <row r="254" spans="1:4" s="2" customFormat="1" ht="29.1" customHeight="1" x14ac:dyDescent="0.25">
      <c r="A254" s="137" t="s">
        <v>78</v>
      </c>
      <c r="B254" s="139" t="s">
        <v>273</v>
      </c>
      <c r="C254" s="35"/>
      <c r="D254" s="47"/>
    </row>
    <row r="255" spans="1:4" s="2" customFormat="1" ht="48" customHeight="1" x14ac:dyDescent="0.25">
      <c r="A255" s="137" t="s">
        <v>79</v>
      </c>
      <c r="B255" s="139" t="s">
        <v>274</v>
      </c>
      <c r="C255" s="35"/>
      <c r="D255" s="82"/>
    </row>
    <row r="256" spans="1:4" s="2" customFormat="1" ht="132" customHeight="1" x14ac:dyDescent="0.25">
      <c r="A256" s="137" t="s">
        <v>80</v>
      </c>
      <c r="B256" s="140" t="s">
        <v>275</v>
      </c>
      <c r="C256" s="35"/>
      <c r="D256" s="81"/>
    </row>
    <row r="257" spans="1:5" s="2" customFormat="1" ht="133.5" customHeight="1" x14ac:dyDescent="0.25">
      <c r="A257" s="34" t="s">
        <v>47</v>
      </c>
      <c r="B257" s="141" t="s">
        <v>276</v>
      </c>
      <c r="C257" s="35"/>
      <c r="D257" s="102"/>
    </row>
    <row r="258" spans="1:5" s="2" customFormat="1" ht="137.25" customHeight="1" x14ac:dyDescent="0.25">
      <c r="A258" s="34" t="s">
        <v>81</v>
      </c>
      <c r="B258" s="142" t="s">
        <v>277</v>
      </c>
      <c r="C258" s="35"/>
      <c r="D258" s="43"/>
    </row>
    <row r="259" spans="1:5" s="2" customFormat="1" ht="48" customHeight="1" x14ac:dyDescent="0.25">
      <c r="A259" s="34" t="s">
        <v>82</v>
      </c>
      <c r="B259" s="135" t="s">
        <v>278</v>
      </c>
      <c r="C259" s="35"/>
      <c r="D259" s="43"/>
    </row>
    <row r="260" spans="1:5" s="2" customFormat="1" ht="240" customHeight="1" x14ac:dyDescent="0.25">
      <c r="A260" s="34" t="s">
        <v>83</v>
      </c>
      <c r="B260" s="143" t="s">
        <v>279</v>
      </c>
      <c r="C260" s="35"/>
      <c r="D260" s="43"/>
    </row>
    <row r="261" spans="1:5" s="2" customFormat="1" ht="147" customHeight="1" x14ac:dyDescent="0.25">
      <c r="A261" s="34" t="s">
        <v>84</v>
      </c>
      <c r="B261" s="135" t="s">
        <v>280</v>
      </c>
      <c r="C261" s="35"/>
      <c r="D261" s="43"/>
    </row>
    <row r="262" spans="1:5" s="2" customFormat="1" ht="116.25" customHeight="1" x14ac:dyDescent="0.25">
      <c r="A262" s="34" t="s">
        <v>85</v>
      </c>
      <c r="B262" s="142" t="s">
        <v>281</v>
      </c>
      <c r="C262" s="35"/>
      <c r="D262" s="43"/>
    </row>
    <row r="263" spans="1:5" s="2" customFormat="1" ht="83.25" customHeight="1" x14ac:dyDescent="0.25">
      <c r="A263" s="34" t="s">
        <v>86</v>
      </c>
      <c r="B263" s="135" t="s">
        <v>282</v>
      </c>
      <c r="C263" s="35"/>
      <c r="D263" s="79"/>
    </row>
    <row r="264" spans="1:5" s="2" customFormat="1" ht="103.5" customHeight="1" x14ac:dyDescent="0.25">
      <c r="A264" s="131" t="s">
        <v>87</v>
      </c>
      <c r="B264" s="135" t="s">
        <v>283</v>
      </c>
      <c r="C264" s="35"/>
      <c r="D264" s="47"/>
    </row>
    <row r="265" spans="1:5" s="2" customFormat="1" ht="58.5" customHeight="1" x14ac:dyDescent="0.25">
      <c r="A265" s="131" t="s">
        <v>88</v>
      </c>
      <c r="B265" s="135" t="s">
        <v>284</v>
      </c>
      <c r="C265" s="35"/>
      <c r="D265" s="82"/>
    </row>
    <row r="266" spans="1:5" s="2" customFormat="1" ht="59.25" customHeight="1" x14ac:dyDescent="0.25">
      <c r="A266" s="131" t="s">
        <v>89</v>
      </c>
      <c r="B266" s="135" t="s">
        <v>285</v>
      </c>
      <c r="C266" s="35"/>
      <c r="D266" s="80"/>
    </row>
    <row r="267" spans="1:5" s="2" customFormat="1" ht="90" customHeight="1" x14ac:dyDescent="0.25">
      <c r="A267" s="34" t="s">
        <v>90</v>
      </c>
      <c r="B267" s="135" t="s">
        <v>286</v>
      </c>
      <c r="C267" s="35"/>
      <c r="D267" s="80"/>
    </row>
    <row r="268" spans="1:5" s="2" customFormat="1" ht="216" customHeight="1" x14ac:dyDescent="0.25">
      <c r="A268" s="34" t="s">
        <v>91</v>
      </c>
      <c r="B268" s="135" t="s">
        <v>287</v>
      </c>
      <c r="C268" s="35"/>
      <c r="D268" s="47"/>
    </row>
    <row r="269" spans="1:5" s="2" customFormat="1" ht="217.5" customHeight="1" x14ac:dyDescent="0.25">
      <c r="A269" s="34" t="s">
        <v>92</v>
      </c>
      <c r="B269" s="135" t="s">
        <v>288</v>
      </c>
      <c r="C269" s="35"/>
      <c r="D269" s="81"/>
    </row>
    <row r="270" spans="1:5" s="2" customFormat="1" ht="119.25" customHeight="1" x14ac:dyDescent="0.25">
      <c r="A270" s="34" t="s">
        <v>93</v>
      </c>
      <c r="B270" s="135" t="s">
        <v>289</v>
      </c>
      <c r="C270" s="35"/>
      <c r="D270" s="102"/>
    </row>
    <row r="271" spans="1:5" s="2" customFormat="1" ht="51.75" customHeight="1" x14ac:dyDescent="0.25">
      <c r="A271" s="34" t="s">
        <v>94</v>
      </c>
      <c r="B271" s="135" t="s">
        <v>290</v>
      </c>
      <c r="C271" s="35"/>
      <c r="D271" s="43"/>
    </row>
    <row r="272" spans="1:5" s="3" customFormat="1" ht="6.75" customHeight="1" x14ac:dyDescent="0.25">
      <c r="A272" s="62"/>
      <c r="B272" s="63"/>
      <c r="C272" s="7"/>
      <c r="D272" s="7"/>
      <c r="E272" s="2"/>
    </row>
    <row r="273" spans="1:5" s="2" customFormat="1" ht="20.100000000000001" customHeight="1" x14ac:dyDescent="0.25">
      <c r="A273" s="162" t="s">
        <v>43</v>
      </c>
      <c r="B273" s="162"/>
      <c r="C273" s="162"/>
      <c r="D273" s="162"/>
    </row>
    <row r="274" spans="1:5" s="2" customFormat="1" ht="4.5" customHeight="1" thickBot="1" x14ac:dyDescent="0.3">
      <c r="A274" s="95"/>
    </row>
    <row r="275" spans="1:5" s="2" customFormat="1" ht="87" customHeight="1" x14ac:dyDescent="0.25">
      <c r="A275" s="187" t="s">
        <v>61</v>
      </c>
      <c r="B275" s="188"/>
      <c r="C275" s="165" t="s">
        <v>44</v>
      </c>
      <c r="D275" s="166"/>
    </row>
    <row r="276" spans="1:5" s="3" customFormat="1" ht="29.25" customHeight="1" x14ac:dyDescent="0.25">
      <c r="A276" s="189"/>
      <c r="B276" s="190"/>
      <c r="C276" s="100" t="s">
        <v>6</v>
      </c>
      <c r="D276" s="101" t="s">
        <v>23</v>
      </c>
      <c r="E276" s="2"/>
    </row>
    <row r="277" spans="1:5" s="3" customFormat="1" ht="33.75" customHeight="1" x14ac:dyDescent="0.25">
      <c r="A277" s="96" t="s">
        <v>11</v>
      </c>
      <c r="B277" s="99" t="s">
        <v>62</v>
      </c>
      <c r="C277" s="28"/>
      <c r="D277" s="44"/>
      <c r="E277" s="2"/>
    </row>
    <row r="278" spans="1:5" s="3" customFormat="1" ht="55.5" customHeight="1" x14ac:dyDescent="0.25">
      <c r="A278" s="96" t="s">
        <v>45</v>
      </c>
      <c r="B278" s="47" t="s">
        <v>52</v>
      </c>
      <c r="C278" s="37"/>
      <c r="D278" s="44"/>
      <c r="E278" s="2"/>
    </row>
    <row r="279" spans="1:5" s="3" customFormat="1" ht="35.25" customHeight="1" x14ac:dyDescent="0.25">
      <c r="A279" s="96" t="s">
        <v>46</v>
      </c>
      <c r="B279" s="42" t="s">
        <v>48</v>
      </c>
      <c r="C279" s="37"/>
      <c r="D279" s="44"/>
      <c r="E279" s="2"/>
    </row>
    <row r="280" spans="1:5" s="3" customFormat="1" ht="98.25" customHeight="1" thickBot="1" x14ac:dyDescent="0.3">
      <c r="A280" s="75" t="s">
        <v>47</v>
      </c>
      <c r="B280" s="76" t="s">
        <v>63</v>
      </c>
      <c r="C280" s="77"/>
      <c r="D280" s="78"/>
      <c r="E280" s="2"/>
    </row>
    <row r="281" spans="1:5" s="2" customFormat="1" ht="5.0999999999999996" customHeight="1" x14ac:dyDescent="0.25">
      <c r="A281" s="7"/>
      <c r="B281" s="5"/>
      <c r="C281" s="7"/>
      <c r="D281" s="7"/>
    </row>
    <row r="282" spans="1:5" s="2" customFormat="1" ht="20.100000000000001" customHeight="1" x14ac:dyDescent="0.25">
      <c r="A282" s="162" t="s">
        <v>10</v>
      </c>
      <c r="B282" s="162"/>
      <c r="C282" s="162"/>
      <c r="D282" s="162"/>
    </row>
    <row r="283" spans="1:5" s="3" customFormat="1" ht="30" customHeight="1" x14ac:dyDescent="0.25">
      <c r="A283" s="117" t="s">
        <v>12</v>
      </c>
      <c r="B283" s="183" t="s">
        <v>50</v>
      </c>
      <c r="C283" s="183"/>
      <c r="D283" s="183"/>
      <c r="E283" s="2"/>
    </row>
    <row r="284" spans="1:5" s="19" customFormat="1" ht="30" customHeight="1" x14ac:dyDescent="0.25">
      <c r="A284" s="117" t="s">
        <v>24</v>
      </c>
      <c r="B284" s="183" t="s">
        <v>25</v>
      </c>
      <c r="C284" s="183"/>
      <c r="D284" s="183"/>
      <c r="E284" s="2"/>
    </row>
    <row r="285" spans="1:5" s="19" customFormat="1" ht="30" customHeight="1" x14ac:dyDescent="0.25">
      <c r="A285" s="184" t="s">
        <v>26</v>
      </c>
      <c r="B285" s="184"/>
      <c r="C285" s="184"/>
      <c r="D285" s="184"/>
      <c r="E285" s="2"/>
    </row>
    <row r="286" spans="1:5" s="2" customFormat="1" ht="24.95" customHeight="1" x14ac:dyDescent="0.25">
      <c r="A286" s="118" t="s">
        <v>27</v>
      </c>
      <c r="B286" s="186"/>
      <c r="C286" s="186"/>
    </row>
    <row r="287" spans="1:5" s="2" customFormat="1" ht="24.95" customHeight="1" x14ac:dyDescent="0.25">
      <c r="A287" s="118" t="s">
        <v>28</v>
      </c>
      <c r="B287" s="186"/>
      <c r="C287" s="186"/>
    </row>
    <row r="288" spans="1:5" s="2" customFormat="1" ht="24.95" customHeight="1" x14ac:dyDescent="0.25">
      <c r="A288" s="118" t="s">
        <v>29</v>
      </c>
      <c r="B288" s="186"/>
      <c r="C288" s="186"/>
    </row>
    <row r="289" spans="1:5" s="3" customFormat="1" ht="24.95" customHeight="1" x14ac:dyDescent="0.25">
      <c r="A289" s="118" t="s">
        <v>30</v>
      </c>
      <c r="B289" s="186"/>
      <c r="C289" s="186"/>
      <c r="D289" s="2"/>
      <c r="E289" s="2"/>
    </row>
    <row r="290" spans="1:5" s="2" customFormat="1" ht="14.25" customHeight="1" x14ac:dyDescent="0.2">
      <c r="A290" s="112"/>
      <c r="B290" s="10"/>
      <c r="C290" s="10"/>
    </row>
    <row r="291" spans="1:5" s="3" customFormat="1" ht="15" customHeight="1" x14ac:dyDescent="0.25">
      <c r="A291" s="185" t="s">
        <v>31</v>
      </c>
      <c r="B291" s="185"/>
      <c r="C291" s="185"/>
      <c r="D291" s="185"/>
    </row>
    <row r="292" spans="1:5" s="2" customFormat="1" ht="36.75" customHeight="1" x14ac:dyDescent="0.25">
      <c r="A292" s="182" t="s">
        <v>40</v>
      </c>
      <c r="B292" s="182"/>
      <c r="C292" s="182"/>
      <c r="D292" s="182"/>
    </row>
    <row r="293" spans="1:5" s="2" customFormat="1" ht="20.100000000000001" customHeight="1" x14ac:dyDescent="0.2">
      <c r="A293" s="8"/>
      <c r="B293" s="1"/>
      <c r="C293" s="8"/>
      <c r="D293" s="8"/>
    </row>
    <row r="294" spans="1:5" s="3" customFormat="1" ht="4.5" customHeight="1" x14ac:dyDescent="0.2">
      <c r="A294" s="8"/>
      <c r="B294" s="1"/>
      <c r="C294" s="8"/>
      <c r="D294" s="8"/>
    </row>
    <row r="295" spans="1:5" s="3" customFormat="1" ht="20.100000000000001" customHeight="1" x14ac:dyDescent="0.25">
      <c r="A295" s="113" t="s">
        <v>32</v>
      </c>
      <c r="B295" s="20"/>
      <c r="C295" s="21" t="s">
        <v>33</v>
      </c>
      <c r="D295" s="39"/>
    </row>
    <row r="296" spans="1:5" s="3" customFormat="1" ht="20.100000000000001" customHeight="1" x14ac:dyDescent="0.25">
      <c r="A296" s="113"/>
      <c r="B296" s="22"/>
      <c r="C296" s="22"/>
      <c r="D296" s="23"/>
    </row>
    <row r="297" spans="1:5" ht="20.100000000000001" customHeight="1" x14ac:dyDescent="0.2">
      <c r="A297" s="113" t="s">
        <v>34</v>
      </c>
      <c r="B297" s="20"/>
      <c r="C297" s="24" t="s">
        <v>35</v>
      </c>
      <c r="D297" s="40"/>
    </row>
    <row r="298" spans="1:5" s="2" customFormat="1" ht="20.100000000000001" customHeight="1" x14ac:dyDescent="0.2">
      <c r="A298" s="8"/>
      <c r="B298" s="1"/>
      <c r="C298" s="24" t="s">
        <v>36</v>
      </c>
      <c r="D298" s="41"/>
    </row>
    <row r="299" spans="1:5" s="2" customFormat="1" ht="20.100000000000001" customHeight="1" x14ac:dyDescent="0.2">
      <c r="A299" s="8"/>
      <c r="B299" s="1"/>
      <c r="C299" s="25" t="s">
        <v>37</v>
      </c>
      <c r="D299" s="1"/>
    </row>
    <row r="300" spans="1:5" s="2" customFormat="1" ht="37.5" customHeight="1" x14ac:dyDescent="0.25">
      <c r="A300" s="95"/>
    </row>
    <row r="301" spans="1:5" s="2" customFormat="1" ht="24" customHeight="1" x14ac:dyDescent="0.25">
      <c r="A301" s="95"/>
    </row>
    <row r="302" spans="1:5" s="2" customFormat="1" ht="24" customHeight="1" x14ac:dyDescent="0.25">
      <c r="A302" s="95"/>
    </row>
    <row r="303" spans="1:5" s="2" customFormat="1" ht="24" customHeight="1" x14ac:dyDescent="0.25">
      <c r="A303" s="95"/>
    </row>
    <row r="304" spans="1:5" s="2" customFormat="1" ht="20.100000000000001" customHeight="1" x14ac:dyDescent="0.25">
      <c r="A304" s="95"/>
    </row>
    <row r="305" spans="1:4" s="2" customFormat="1" ht="20.100000000000001" customHeight="1" x14ac:dyDescent="0.25">
      <c r="A305" s="95"/>
    </row>
    <row r="306" spans="1:4" s="2" customFormat="1" ht="50.1" customHeight="1" x14ac:dyDescent="0.25">
      <c r="A306" s="95"/>
    </row>
    <row r="307" spans="1:4" s="2" customFormat="1" ht="43.5" customHeight="1" x14ac:dyDescent="0.25">
      <c r="A307" s="95"/>
    </row>
    <row r="308" spans="1:4" ht="24.75" customHeight="1" x14ac:dyDescent="0.2">
      <c r="A308" s="95"/>
      <c r="B308" s="2"/>
      <c r="C308" s="2"/>
      <c r="D308" s="2"/>
    </row>
    <row r="309" spans="1:4" x14ac:dyDescent="0.2">
      <c r="A309" s="95"/>
      <c r="B309" s="2"/>
      <c r="C309" s="2"/>
      <c r="D309" s="2"/>
    </row>
    <row r="310" spans="1:4" ht="20.100000000000001" customHeight="1" x14ac:dyDescent="0.2"/>
    <row r="311" spans="1:4" ht="4.5" customHeight="1" x14ac:dyDescent="0.2"/>
    <row r="312" spans="1:4" ht="20.100000000000001" customHeight="1" x14ac:dyDescent="0.2"/>
    <row r="313" spans="1:4" ht="20.100000000000001" customHeight="1" x14ac:dyDescent="0.2"/>
    <row r="314" spans="1:4" ht="20.100000000000001" customHeight="1" x14ac:dyDescent="0.2"/>
  </sheetData>
  <mergeCells count="138">
    <mergeCell ref="A86:E86"/>
    <mergeCell ref="A91:E91"/>
    <mergeCell ref="A94:E94"/>
    <mergeCell ref="A105:E105"/>
    <mergeCell ref="A233:D233"/>
    <mergeCell ref="A234:B234"/>
    <mergeCell ref="A151:D151"/>
    <mergeCell ref="A171:D171"/>
    <mergeCell ref="A173:D173"/>
    <mergeCell ref="A193:D193"/>
    <mergeCell ref="A195:D195"/>
    <mergeCell ref="A196:B196"/>
    <mergeCell ref="A197:D197"/>
    <mergeCell ref="A199:D199"/>
    <mergeCell ref="A185:D185"/>
    <mergeCell ref="A186:B186"/>
    <mergeCell ref="A187:D187"/>
    <mergeCell ref="A189:D189"/>
    <mergeCell ref="A191:D191"/>
    <mergeCell ref="A208:B208"/>
    <mergeCell ref="A209:D209"/>
    <mergeCell ref="A237:D237"/>
    <mergeCell ref="A238:B238"/>
    <mergeCell ref="A239:D239"/>
    <mergeCell ref="A241:D241"/>
    <mergeCell ref="A242:B242"/>
    <mergeCell ref="A243:D243"/>
    <mergeCell ref="A153:D153"/>
    <mergeCell ref="A161:D161"/>
    <mergeCell ref="A162:B162"/>
    <mergeCell ref="A163:D163"/>
    <mergeCell ref="A154:B154"/>
    <mergeCell ref="A155:D155"/>
    <mergeCell ref="A157:D157"/>
    <mergeCell ref="A158:B158"/>
    <mergeCell ref="A159:D159"/>
    <mergeCell ref="A175:D175"/>
    <mergeCell ref="A177:D177"/>
    <mergeCell ref="A179:D179"/>
    <mergeCell ref="A181:D181"/>
    <mergeCell ref="A183:D183"/>
    <mergeCell ref="A165:D165"/>
    <mergeCell ref="A167:D167"/>
    <mergeCell ref="A169:D169"/>
    <mergeCell ref="A273:D273"/>
    <mergeCell ref="A275:B276"/>
    <mergeCell ref="C275:D275"/>
    <mergeCell ref="A246:D246"/>
    <mergeCell ref="A248:B249"/>
    <mergeCell ref="C248:D248"/>
    <mergeCell ref="A118:B119"/>
    <mergeCell ref="A121:D121"/>
    <mergeCell ref="A124:D124"/>
    <mergeCell ref="A125:D125"/>
    <mergeCell ref="A127:D127"/>
    <mergeCell ref="A129:D129"/>
    <mergeCell ref="A131:D131"/>
    <mergeCell ref="A133:D133"/>
    <mergeCell ref="A135:D135"/>
    <mergeCell ref="A137:D137"/>
    <mergeCell ref="A139:D139"/>
    <mergeCell ref="A136:B136"/>
    <mergeCell ref="A141:D141"/>
    <mergeCell ref="A143:D143"/>
    <mergeCell ref="A145:D145"/>
    <mergeCell ref="A147:D147"/>
    <mergeCell ref="A149:D149"/>
    <mergeCell ref="A235:D235"/>
    <mergeCell ref="A292:D292"/>
    <mergeCell ref="A282:D282"/>
    <mergeCell ref="B283:D283"/>
    <mergeCell ref="B284:D284"/>
    <mergeCell ref="A285:D285"/>
    <mergeCell ref="A291:D291"/>
    <mergeCell ref="B286:C286"/>
    <mergeCell ref="B287:C287"/>
    <mergeCell ref="B288:C288"/>
    <mergeCell ref="B289:C289"/>
    <mergeCell ref="A7:E7"/>
    <mergeCell ref="A1:E1"/>
    <mergeCell ref="A2:E2"/>
    <mergeCell ref="A3:E3"/>
    <mergeCell ref="A16:C16"/>
    <mergeCell ref="A8:D8"/>
    <mergeCell ref="A9:D9"/>
    <mergeCell ref="A11:D11"/>
    <mergeCell ref="A12:C12"/>
    <mergeCell ref="A13:B13"/>
    <mergeCell ref="A14:B14"/>
    <mergeCell ref="A15:B15"/>
    <mergeCell ref="A21:E21"/>
    <mergeCell ref="A19:C19"/>
    <mergeCell ref="A116:E116"/>
    <mergeCell ref="A120:D120"/>
    <mergeCell ref="A112:B112"/>
    <mergeCell ref="C118:D118"/>
    <mergeCell ref="A22:E22"/>
    <mergeCell ref="A35:E35"/>
    <mergeCell ref="A25:D25"/>
    <mergeCell ref="A23:C23"/>
    <mergeCell ref="A24:E24"/>
    <mergeCell ref="B33:C33"/>
    <mergeCell ref="A30:E30"/>
    <mergeCell ref="A32:E32"/>
    <mergeCell ref="A20:C20"/>
    <mergeCell ref="A26:B26"/>
    <mergeCell ref="A29:B29"/>
    <mergeCell ref="A59:E59"/>
    <mergeCell ref="B39:C39"/>
    <mergeCell ref="B36:C36"/>
    <mergeCell ref="A43:E43"/>
    <mergeCell ref="A38:E38"/>
    <mergeCell ref="A53:E53"/>
    <mergeCell ref="A56:E56"/>
    <mergeCell ref="B65:C65"/>
    <mergeCell ref="A102:E102"/>
    <mergeCell ref="A108:E108"/>
    <mergeCell ref="A225:D225"/>
    <mergeCell ref="A227:D227"/>
    <mergeCell ref="A229:D229"/>
    <mergeCell ref="A231:D231"/>
    <mergeCell ref="A216:B216"/>
    <mergeCell ref="A217:D217"/>
    <mergeCell ref="A219:D219"/>
    <mergeCell ref="A220:B220"/>
    <mergeCell ref="A221:D221"/>
    <mergeCell ref="A211:D211"/>
    <mergeCell ref="A213:D213"/>
    <mergeCell ref="A215:D215"/>
    <mergeCell ref="A201:D201"/>
    <mergeCell ref="A203:D203"/>
    <mergeCell ref="A204:B204"/>
    <mergeCell ref="A205:D205"/>
    <mergeCell ref="A207:D207"/>
    <mergeCell ref="A223:D223"/>
    <mergeCell ref="A72:E72"/>
    <mergeCell ref="A78:E78"/>
    <mergeCell ref="A83:E83"/>
  </mergeCells>
  <conditionalFormatting sqref="C267:C271 C136 A136">
    <cfRule type="containsBlanks" dxfId="94" priority="165">
      <formula>LEN(TRIM(A136))=0</formula>
    </cfRule>
  </conditionalFormatting>
  <conditionalFormatting sqref="D297">
    <cfRule type="containsBlanks" dxfId="93" priority="164">
      <formula>LEN(TRIM(D297))=0</formula>
    </cfRule>
  </conditionalFormatting>
  <conditionalFormatting sqref="B295">
    <cfRule type="containsBlanks" dxfId="92" priority="162">
      <formula>LEN(TRIM(B295))=0</formula>
    </cfRule>
  </conditionalFormatting>
  <conditionalFormatting sqref="D298">
    <cfRule type="containsBlanks" dxfId="91" priority="163">
      <formula>LEN(TRIM(D298))=0</formula>
    </cfRule>
  </conditionalFormatting>
  <conditionalFormatting sqref="B297">
    <cfRule type="containsBlanks" dxfId="90" priority="161">
      <formula>LEN(TRIM(B297))=0</formula>
    </cfRule>
  </conditionalFormatting>
  <conditionalFormatting sqref="B4:B5">
    <cfRule type="containsBlanks" dxfId="89" priority="160">
      <formula>LEN(TRIM(B4))=0</formula>
    </cfRule>
  </conditionalFormatting>
  <conditionalFormatting sqref="C277:C280">
    <cfRule type="containsBlanks" dxfId="88" priority="154">
      <formula>LEN(TRIM(C277))=0</formula>
    </cfRule>
  </conditionalFormatting>
  <conditionalFormatting sqref="B288:C288">
    <cfRule type="containsBlanks" dxfId="87" priority="150">
      <formula>LEN(TRIM(B288))=0</formula>
    </cfRule>
  </conditionalFormatting>
  <conditionalFormatting sqref="C250:C258">
    <cfRule type="containsBlanks" dxfId="86" priority="118">
      <formula>LEN(TRIM(C250))=0</formula>
    </cfRule>
  </conditionalFormatting>
  <conditionalFormatting sqref="C259:C262">
    <cfRule type="containsBlanks" dxfId="85" priority="117">
      <formula>LEN(TRIM(C259))=0</formula>
    </cfRule>
  </conditionalFormatting>
  <conditionalFormatting sqref="C263:C266">
    <cfRule type="containsBlanks" dxfId="84" priority="116">
      <formula>LEN(TRIM(C263))=0</formula>
    </cfRule>
  </conditionalFormatting>
  <conditionalFormatting sqref="C122:C123 B126:C126 B132:C132 B134:C134 B164:C164">
    <cfRule type="containsBlanks" dxfId="83" priority="93">
      <formula>LEN(TRIM(B122))=0</formula>
    </cfRule>
  </conditionalFormatting>
  <conditionalFormatting sqref="B286:C286">
    <cfRule type="containsBlanks" dxfId="82" priority="89">
      <formula>LEN(TRIM(B286))=0</formula>
    </cfRule>
  </conditionalFormatting>
  <conditionalFormatting sqref="B287:C287">
    <cfRule type="containsBlanks" dxfId="81" priority="88">
      <formula>LEN(TRIM(B287))=0</formula>
    </cfRule>
  </conditionalFormatting>
  <conditionalFormatting sqref="B289:C289">
    <cfRule type="containsBlanks" dxfId="80" priority="87">
      <formula>LEN(TRIM(B289))=0</formula>
    </cfRule>
  </conditionalFormatting>
  <conditionalFormatting sqref="B123">
    <cfRule type="containsBlanks" dxfId="79" priority="86">
      <formula>LEN(TRIM(B123))=0</formula>
    </cfRule>
  </conditionalFormatting>
  <conditionalFormatting sqref="B130:C130">
    <cfRule type="containsBlanks" dxfId="78" priority="85">
      <formula>LEN(TRIM(B130))=0</formula>
    </cfRule>
  </conditionalFormatting>
  <conditionalFormatting sqref="B138">
    <cfRule type="containsBlanks" dxfId="77" priority="82">
      <formula>LEN(TRIM(B138))=0</formula>
    </cfRule>
  </conditionalFormatting>
  <conditionalFormatting sqref="C138">
    <cfRule type="containsBlanks" dxfId="76" priority="84">
      <formula>LEN(TRIM(C138))=0</formula>
    </cfRule>
  </conditionalFormatting>
  <conditionalFormatting sqref="B140:C140">
    <cfRule type="containsBlanks" dxfId="75" priority="81">
      <formula>LEN(TRIM(B140))=0</formula>
    </cfRule>
  </conditionalFormatting>
  <conditionalFormatting sqref="B142:C142">
    <cfRule type="containsBlanks" dxfId="74" priority="79">
      <formula>LEN(TRIM(B142))=0</formula>
    </cfRule>
  </conditionalFormatting>
  <conditionalFormatting sqref="B144:C144">
    <cfRule type="containsBlanks" dxfId="73" priority="78">
      <formula>LEN(TRIM(B144))=0</formula>
    </cfRule>
  </conditionalFormatting>
  <conditionalFormatting sqref="B146:C146">
    <cfRule type="containsBlanks" dxfId="72" priority="77">
      <formula>LEN(TRIM(B146))=0</formula>
    </cfRule>
  </conditionalFormatting>
  <conditionalFormatting sqref="B148:C148">
    <cfRule type="containsBlanks" dxfId="71" priority="76">
      <formula>LEN(TRIM(B148))=0</formula>
    </cfRule>
  </conditionalFormatting>
  <conditionalFormatting sqref="B150:C150">
    <cfRule type="containsBlanks" dxfId="70" priority="75">
      <formula>LEN(TRIM(B150))=0</formula>
    </cfRule>
  </conditionalFormatting>
  <conditionalFormatting sqref="B152:C152">
    <cfRule type="containsBlanks" dxfId="69" priority="74">
      <formula>LEN(TRIM(B152))=0</formula>
    </cfRule>
  </conditionalFormatting>
  <conditionalFormatting sqref="B156">
    <cfRule type="containsBlanks" dxfId="68" priority="71">
      <formula>LEN(TRIM(B156))=0</formula>
    </cfRule>
  </conditionalFormatting>
  <conditionalFormatting sqref="C154 A154">
    <cfRule type="containsBlanks" dxfId="67" priority="73">
      <formula>LEN(TRIM(A154))=0</formula>
    </cfRule>
  </conditionalFormatting>
  <conditionalFormatting sqref="B160">
    <cfRule type="containsBlanks" dxfId="66" priority="68">
      <formula>LEN(TRIM(B160))=0</formula>
    </cfRule>
  </conditionalFormatting>
  <conditionalFormatting sqref="C156">
    <cfRule type="containsBlanks" dxfId="65" priority="72">
      <formula>LEN(TRIM(C156))=0</formula>
    </cfRule>
  </conditionalFormatting>
  <conditionalFormatting sqref="C158 A158">
    <cfRule type="containsBlanks" dxfId="64" priority="70">
      <formula>LEN(TRIM(A158))=0</formula>
    </cfRule>
  </conditionalFormatting>
  <conditionalFormatting sqref="C160">
    <cfRule type="containsBlanks" dxfId="63" priority="69">
      <formula>LEN(TRIM(C160))=0</formula>
    </cfRule>
  </conditionalFormatting>
  <conditionalFormatting sqref="B166:C166">
    <cfRule type="containsBlanks" dxfId="62" priority="63">
      <formula>LEN(TRIM(B166))=0</formula>
    </cfRule>
  </conditionalFormatting>
  <conditionalFormatting sqref="C162 A162">
    <cfRule type="containsBlanks" dxfId="61" priority="67">
      <formula>LEN(TRIM(A162))=0</formula>
    </cfRule>
  </conditionalFormatting>
  <conditionalFormatting sqref="B168:C168">
    <cfRule type="containsBlanks" dxfId="60" priority="61">
      <formula>LEN(TRIM(B168))=0</formula>
    </cfRule>
  </conditionalFormatting>
  <conditionalFormatting sqref="B172:C172">
    <cfRule type="containsBlanks" dxfId="59" priority="59">
      <formula>LEN(TRIM(B172))=0</formula>
    </cfRule>
  </conditionalFormatting>
  <conditionalFormatting sqref="B176:C176">
    <cfRule type="containsBlanks" dxfId="58" priority="57">
      <formula>LEN(TRIM(B176))=0</formula>
    </cfRule>
  </conditionalFormatting>
  <conditionalFormatting sqref="B170:C170">
    <cfRule type="containsBlanks" dxfId="57" priority="60">
      <formula>LEN(TRIM(B170))=0</formula>
    </cfRule>
  </conditionalFormatting>
  <conditionalFormatting sqref="B180:C180">
    <cfRule type="containsBlanks" dxfId="56" priority="55">
      <formula>LEN(TRIM(B180))=0</formula>
    </cfRule>
  </conditionalFormatting>
  <conditionalFormatting sqref="B174:C174">
    <cfRule type="containsBlanks" dxfId="55" priority="58">
      <formula>LEN(TRIM(B174))=0</formula>
    </cfRule>
  </conditionalFormatting>
  <conditionalFormatting sqref="B178:C178">
    <cfRule type="containsBlanks" dxfId="54" priority="56">
      <formula>LEN(TRIM(B178))=0</formula>
    </cfRule>
  </conditionalFormatting>
  <conditionalFormatting sqref="B184:C184">
    <cfRule type="containsBlanks" dxfId="53" priority="53">
      <formula>LEN(TRIM(B184))=0</formula>
    </cfRule>
  </conditionalFormatting>
  <conditionalFormatting sqref="B182:C182">
    <cfRule type="containsBlanks" dxfId="52" priority="54">
      <formula>LEN(TRIM(B182))=0</formula>
    </cfRule>
  </conditionalFormatting>
  <conditionalFormatting sqref="C188">
    <cfRule type="containsBlanks" dxfId="51" priority="51">
      <formula>LEN(TRIM(C188))=0</formula>
    </cfRule>
  </conditionalFormatting>
  <conditionalFormatting sqref="B188">
    <cfRule type="containsBlanks" dxfId="50" priority="50">
      <formula>LEN(TRIM(B188))=0</formula>
    </cfRule>
  </conditionalFormatting>
  <conditionalFormatting sqref="B190">
    <cfRule type="containsBlanks" dxfId="49" priority="48">
      <formula>LEN(TRIM(B190))=0</formula>
    </cfRule>
  </conditionalFormatting>
  <conditionalFormatting sqref="C186 A186">
    <cfRule type="containsBlanks" dxfId="48" priority="52">
      <formula>LEN(TRIM(A186))=0</formula>
    </cfRule>
  </conditionalFormatting>
  <conditionalFormatting sqref="C190">
    <cfRule type="containsBlanks" dxfId="47" priority="49">
      <formula>LEN(TRIM(C190))=0</formula>
    </cfRule>
  </conditionalFormatting>
  <conditionalFormatting sqref="C192">
    <cfRule type="containsBlanks" dxfId="46" priority="47">
      <formula>LEN(TRIM(C192))=0</formula>
    </cfRule>
  </conditionalFormatting>
  <conditionalFormatting sqref="B192">
    <cfRule type="containsBlanks" dxfId="45" priority="46">
      <formula>LEN(TRIM(B192))=0</formula>
    </cfRule>
  </conditionalFormatting>
  <conditionalFormatting sqref="B194">
    <cfRule type="containsBlanks" dxfId="44" priority="44">
      <formula>LEN(TRIM(B194))=0</formula>
    </cfRule>
  </conditionalFormatting>
  <conditionalFormatting sqref="C194">
    <cfRule type="containsBlanks" dxfId="43" priority="45">
      <formula>LEN(TRIM(C194))=0</formula>
    </cfRule>
  </conditionalFormatting>
  <conditionalFormatting sqref="C202">
    <cfRule type="containsBlanks" dxfId="42" priority="38">
      <formula>LEN(TRIM(C202))=0</formula>
    </cfRule>
  </conditionalFormatting>
  <conditionalFormatting sqref="B202">
    <cfRule type="containsBlanks" dxfId="41" priority="37">
      <formula>LEN(TRIM(B202))=0</formula>
    </cfRule>
  </conditionalFormatting>
  <conditionalFormatting sqref="C198">
    <cfRule type="containsBlanks" dxfId="40" priority="42">
      <formula>LEN(TRIM(C198))=0</formula>
    </cfRule>
  </conditionalFormatting>
  <conditionalFormatting sqref="B198">
    <cfRule type="containsBlanks" dxfId="39" priority="41">
      <formula>LEN(TRIM(B198))=0</formula>
    </cfRule>
  </conditionalFormatting>
  <conditionalFormatting sqref="B200">
    <cfRule type="containsBlanks" dxfId="38" priority="39">
      <formula>LEN(TRIM(B200))=0</formula>
    </cfRule>
  </conditionalFormatting>
  <conditionalFormatting sqref="C196 A196">
    <cfRule type="containsBlanks" dxfId="37" priority="43">
      <formula>LEN(TRIM(A196))=0</formula>
    </cfRule>
  </conditionalFormatting>
  <conditionalFormatting sqref="C200">
    <cfRule type="containsBlanks" dxfId="36" priority="40">
      <formula>LEN(TRIM(C200))=0</formula>
    </cfRule>
  </conditionalFormatting>
  <conditionalFormatting sqref="C206">
    <cfRule type="containsBlanks" dxfId="35" priority="35">
      <formula>LEN(TRIM(C206))=0</formula>
    </cfRule>
  </conditionalFormatting>
  <conditionalFormatting sqref="B206">
    <cfRule type="containsBlanks" dxfId="34" priority="34">
      <formula>LEN(TRIM(B206))=0</formula>
    </cfRule>
  </conditionalFormatting>
  <conditionalFormatting sqref="C214">
    <cfRule type="containsBlanks" dxfId="33" priority="28">
      <formula>LEN(TRIM(C214))=0</formula>
    </cfRule>
  </conditionalFormatting>
  <conditionalFormatting sqref="B214">
    <cfRule type="containsBlanks" dxfId="32" priority="27">
      <formula>LEN(TRIM(B214))=0</formula>
    </cfRule>
  </conditionalFormatting>
  <conditionalFormatting sqref="C204 A204">
    <cfRule type="containsBlanks" dxfId="31" priority="36">
      <formula>LEN(TRIM(A204))=0</formula>
    </cfRule>
  </conditionalFormatting>
  <conditionalFormatting sqref="C222">
    <cfRule type="containsBlanks" dxfId="30" priority="22">
      <formula>LEN(TRIM(C222))=0</formula>
    </cfRule>
  </conditionalFormatting>
  <conditionalFormatting sqref="B222">
    <cfRule type="containsBlanks" dxfId="29" priority="21">
      <formula>LEN(TRIM(B222))=0</formula>
    </cfRule>
  </conditionalFormatting>
  <conditionalFormatting sqref="C210">
    <cfRule type="containsBlanks" dxfId="28" priority="32">
      <formula>LEN(TRIM(C210))=0</formula>
    </cfRule>
  </conditionalFormatting>
  <conditionalFormatting sqref="B210">
    <cfRule type="containsBlanks" dxfId="27" priority="31">
      <formula>LEN(TRIM(B210))=0</formula>
    </cfRule>
  </conditionalFormatting>
  <conditionalFormatting sqref="B212">
    <cfRule type="containsBlanks" dxfId="26" priority="29">
      <formula>LEN(TRIM(B212))=0</formula>
    </cfRule>
  </conditionalFormatting>
  <conditionalFormatting sqref="C208 A208">
    <cfRule type="containsBlanks" dxfId="25" priority="33">
      <formula>LEN(TRIM(A208))=0</formula>
    </cfRule>
  </conditionalFormatting>
  <conditionalFormatting sqref="C212">
    <cfRule type="containsBlanks" dxfId="24" priority="30">
      <formula>LEN(TRIM(C212))=0</formula>
    </cfRule>
  </conditionalFormatting>
  <conditionalFormatting sqref="C218">
    <cfRule type="containsBlanks" dxfId="23" priority="25">
      <formula>LEN(TRIM(C218))=0</formula>
    </cfRule>
  </conditionalFormatting>
  <conditionalFormatting sqref="B218">
    <cfRule type="containsBlanks" dxfId="22" priority="24">
      <formula>LEN(TRIM(B218))=0</formula>
    </cfRule>
  </conditionalFormatting>
  <conditionalFormatting sqref="C216 A216">
    <cfRule type="containsBlanks" dxfId="21" priority="26">
      <formula>LEN(TRIM(A216))=0</formula>
    </cfRule>
  </conditionalFormatting>
  <conditionalFormatting sqref="B224">
    <cfRule type="containsBlanks" dxfId="20" priority="19">
      <formula>LEN(TRIM(B224))=0</formula>
    </cfRule>
  </conditionalFormatting>
  <conditionalFormatting sqref="B226">
    <cfRule type="containsBlanks" dxfId="19" priority="17">
      <formula>LEN(TRIM(B226))=0</formula>
    </cfRule>
  </conditionalFormatting>
  <conditionalFormatting sqref="B228">
    <cfRule type="containsBlanks" dxfId="18" priority="15">
      <formula>LEN(TRIM(B228))=0</formula>
    </cfRule>
  </conditionalFormatting>
  <conditionalFormatting sqref="C224">
    <cfRule type="containsBlanks" dxfId="17" priority="20">
      <formula>LEN(TRIM(C224))=0</formula>
    </cfRule>
  </conditionalFormatting>
  <conditionalFormatting sqref="C220 A220">
    <cfRule type="containsBlanks" dxfId="16" priority="23">
      <formula>LEN(TRIM(A220))=0</formula>
    </cfRule>
  </conditionalFormatting>
  <conditionalFormatting sqref="C226">
    <cfRule type="containsBlanks" dxfId="15" priority="18">
      <formula>LEN(TRIM(C226))=0</formula>
    </cfRule>
  </conditionalFormatting>
  <conditionalFormatting sqref="C228">
    <cfRule type="containsBlanks" dxfId="14" priority="16">
      <formula>LEN(TRIM(C228))=0</formula>
    </cfRule>
  </conditionalFormatting>
  <conditionalFormatting sqref="B230">
    <cfRule type="containsBlanks" dxfId="13" priority="13">
      <formula>LEN(TRIM(B230))=0</formula>
    </cfRule>
  </conditionalFormatting>
  <conditionalFormatting sqref="C230">
    <cfRule type="containsBlanks" dxfId="12" priority="14">
      <formula>LEN(TRIM(C230))=0</formula>
    </cfRule>
  </conditionalFormatting>
  <conditionalFormatting sqref="B232">
    <cfRule type="containsBlanks" dxfId="11" priority="11">
      <formula>LEN(TRIM(B232))=0</formula>
    </cfRule>
  </conditionalFormatting>
  <conditionalFormatting sqref="C232">
    <cfRule type="containsBlanks" dxfId="10" priority="12">
      <formula>LEN(TRIM(C232))=0</formula>
    </cfRule>
  </conditionalFormatting>
  <conditionalFormatting sqref="C236">
    <cfRule type="containsBlanks" dxfId="9" priority="9">
      <formula>LEN(TRIM(C236))=0</formula>
    </cfRule>
  </conditionalFormatting>
  <conditionalFormatting sqref="B236">
    <cfRule type="containsBlanks" dxfId="8" priority="8">
      <formula>LEN(TRIM(B236))=0</formula>
    </cfRule>
  </conditionalFormatting>
  <conditionalFormatting sqref="C234 A234">
    <cfRule type="containsBlanks" dxfId="7" priority="10">
      <formula>LEN(TRIM(A234))=0</formula>
    </cfRule>
  </conditionalFormatting>
  <conditionalFormatting sqref="C240">
    <cfRule type="containsBlanks" dxfId="6" priority="6">
      <formula>LEN(TRIM(C240))=0</formula>
    </cfRule>
  </conditionalFormatting>
  <conditionalFormatting sqref="B240">
    <cfRule type="containsBlanks" dxfId="5" priority="5">
      <formula>LEN(TRIM(B240))=0</formula>
    </cfRule>
  </conditionalFormatting>
  <conditionalFormatting sqref="C238 A238">
    <cfRule type="containsBlanks" dxfId="4" priority="7">
      <formula>LEN(TRIM(A238))=0</formula>
    </cfRule>
  </conditionalFormatting>
  <conditionalFormatting sqref="B244">
    <cfRule type="containsBlanks" dxfId="3" priority="2">
      <formula>LEN(TRIM(B244))=0</formula>
    </cfRule>
  </conditionalFormatting>
  <conditionalFormatting sqref="C244">
    <cfRule type="containsBlanks" dxfId="2" priority="3">
      <formula>LEN(TRIM(C244))=0</formula>
    </cfRule>
  </conditionalFormatting>
  <conditionalFormatting sqref="C242 A242">
    <cfRule type="containsBlanks" dxfId="1" priority="4">
      <formula>LEN(TRIM(A242))=0</formula>
    </cfRule>
  </conditionalFormatting>
  <conditionalFormatting sqref="C128">
    <cfRule type="containsBlanks" dxfId="0" priority="1">
      <formula>LEN(TRIM(C128))=0</formula>
    </cfRule>
  </conditionalFormatting>
  <printOptions horizontalCentered="1"/>
  <pageMargins left="0.70866141732283472" right="0.70866141732283472" top="0.90625" bottom="0.74803149606299213" header="0.31496062992125984" footer="0.31496062992125984"/>
  <pageSetup paperSize="9" scale="5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6</xdr:row>
                    <xdr:rowOff>0</xdr:rowOff>
                  </from>
                  <to>
                    <xdr:col>1</xdr:col>
                    <xdr:colOff>2857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7</xdr:row>
                    <xdr:rowOff>9525</xdr:rowOff>
                  </from>
                  <to>
                    <xdr:col>1</xdr:col>
                    <xdr:colOff>2857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112</xdr:row>
                    <xdr:rowOff>9525</xdr:rowOff>
                  </from>
                  <to>
                    <xdr:col>1</xdr:col>
                    <xdr:colOff>28575</xdr:colOff>
                    <xdr:row>11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113</xdr:row>
                    <xdr:rowOff>0</xdr:rowOff>
                  </from>
                  <to>
                    <xdr:col>1</xdr:col>
                    <xdr:colOff>28575</xdr:colOff>
                    <xdr:row>11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OPRAVA_PTK - ponuka</vt:lpstr>
      <vt:lpstr>'OPRAVA_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10-31T10:43:53Z</cp:lastPrinted>
  <dcterms:created xsi:type="dcterms:W3CDTF">2017-04-21T05:51:15Z</dcterms:created>
  <dcterms:modified xsi:type="dcterms:W3CDTF">2023-11-07T09:01:55Z</dcterms:modified>
</cp:coreProperties>
</file>